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diagrams/data6.xml" ContentType="application/vnd.openxmlformats-officedocument.drawingml.diagramData+xml"/>
  <Override PartName="/ppt/diagrams/layout6.xml" ContentType="application/vnd.openxmlformats-officedocument.drawingml.diagramLayout+xml"/>
  <Override PartName="/ppt/diagrams/quickStyle6.xml" ContentType="application/vnd.openxmlformats-officedocument.drawingml.diagramStyle+xml"/>
  <Override PartName="/ppt/diagrams/colors6.xml" ContentType="application/vnd.openxmlformats-officedocument.drawingml.diagramColors+xml"/>
  <Override PartName="/ppt/diagrams/drawing6.xml" ContentType="application/vnd.ms-office.drawingml.diagramDrawing+xml"/>
  <Override PartName="/ppt/diagrams/data7.xml" ContentType="application/vnd.openxmlformats-officedocument.drawingml.diagramData+xml"/>
  <Override PartName="/ppt/diagrams/layout7.xml" ContentType="application/vnd.openxmlformats-officedocument.drawingml.diagramLayout+xml"/>
  <Override PartName="/ppt/diagrams/quickStyle7.xml" ContentType="application/vnd.openxmlformats-officedocument.drawingml.diagramStyle+xml"/>
  <Override PartName="/ppt/diagrams/colors7.xml" ContentType="application/vnd.openxmlformats-officedocument.drawingml.diagramColors+xml"/>
  <Override PartName="/ppt/diagrams/drawing7.xml" ContentType="application/vnd.ms-office.drawingml.diagramDrawing+xml"/>
  <Override PartName="/ppt/diagrams/data8.xml" ContentType="application/vnd.openxmlformats-officedocument.drawingml.diagramData+xml"/>
  <Override PartName="/ppt/diagrams/layout8.xml" ContentType="application/vnd.openxmlformats-officedocument.drawingml.diagramLayout+xml"/>
  <Override PartName="/ppt/diagrams/quickStyle8.xml" ContentType="application/vnd.openxmlformats-officedocument.drawingml.diagramStyle+xml"/>
  <Override PartName="/ppt/diagrams/colors8.xml" ContentType="application/vnd.openxmlformats-officedocument.drawingml.diagramColors+xml"/>
  <Override PartName="/ppt/diagrams/drawing8.xml" ContentType="application/vnd.ms-office.drawingml.diagramDrawing+xml"/>
  <Override PartName="/ppt/diagrams/data9.xml" ContentType="application/vnd.openxmlformats-officedocument.drawingml.diagramData+xml"/>
  <Override PartName="/ppt/diagrams/layout9.xml" ContentType="application/vnd.openxmlformats-officedocument.drawingml.diagramLayout+xml"/>
  <Override PartName="/ppt/diagrams/quickStyle9.xml" ContentType="application/vnd.openxmlformats-officedocument.drawingml.diagramStyle+xml"/>
  <Override PartName="/ppt/diagrams/colors9.xml" ContentType="application/vnd.openxmlformats-officedocument.drawingml.diagramColors+xml"/>
  <Override PartName="/ppt/diagrams/drawing9.xml" ContentType="application/vnd.ms-office.drawingml.diagramDrawing+xml"/>
  <Override PartName="/ppt/diagrams/data10.xml" ContentType="application/vnd.openxmlformats-officedocument.drawingml.diagramData+xml"/>
  <Override PartName="/ppt/diagrams/layout10.xml" ContentType="application/vnd.openxmlformats-officedocument.drawingml.diagramLayout+xml"/>
  <Override PartName="/ppt/diagrams/quickStyle10.xml" ContentType="application/vnd.openxmlformats-officedocument.drawingml.diagramStyle+xml"/>
  <Override PartName="/ppt/diagrams/colors10.xml" ContentType="application/vnd.openxmlformats-officedocument.drawingml.diagramColors+xml"/>
  <Override PartName="/ppt/diagrams/drawing10.xml" ContentType="application/vnd.ms-office.drawingml.diagramDrawing+xml"/>
  <Override PartName="/ppt/diagrams/data11.xml" ContentType="application/vnd.openxmlformats-officedocument.drawingml.diagramData+xml"/>
  <Override PartName="/ppt/diagrams/layout11.xml" ContentType="application/vnd.openxmlformats-officedocument.drawingml.diagramLayout+xml"/>
  <Override PartName="/ppt/diagrams/quickStyle11.xml" ContentType="application/vnd.openxmlformats-officedocument.drawingml.diagramStyle+xml"/>
  <Override PartName="/ppt/diagrams/colors11.xml" ContentType="application/vnd.openxmlformats-officedocument.drawingml.diagramColors+xml"/>
  <Override PartName="/ppt/diagrams/drawing11.xml" ContentType="application/vnd.ms-office.drawingml.diagramDrawing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sldIdLst>
    <p:sldId id="256" r:id="rId2"/>
    <p:sldId id="265" r:id="rId3"/>
    <p:sldId id="266" r:id="rId4"/>
    <p:sldId id="270" r:id="rId5"/>
    <p:sldId id="271" r:id="rId6"/>
    <p:sldId id="301" r:id="rId7"/>
    <p:sldId id="302" r:id="rId8"/>
    <p:sldId id="307" r:id="rId9"/>
    <p:sldId id="303" r:id="rId10"/>
    <p:sldId id="278" r:id="rId11"/>
    <p:sldId id="308" r:id="rId12"/>
    <p:sldId id="293" r:id="rId13"/>
    <p:sldId id="295" r:id="rId14"/>
    <p:sldId id="296" r:id="rId15"/>
    <p:sldId id="297" r:id="rId16"/>
    <p:sldId id="314" r:id="rId17"/>
    <p:sldId id="284" r:id="rId18"/>
    <p:sldId id="309" r:id="rId19"/>
    <p:sldId id="310" r:id="rId20"/>
    <p:sldId id="311" r:id="rId21"/>
    <p:sldId id="312" r:id="rId22"/>
    <p:sldId id="313" r:id="rId23"/>
    <p:sldId id="315" r:id="rId24"/>
    <p:sldId id="304" r:id="rId25"/>
    <p:sldId id="306" r:id="rId26"/>
    <p:sldId id="305" r:id="rId27"/>
    <p:sldId id="285" r:id="rId28"/>
  </p:sldIdLst>
  <p:sldSz cx="9144000" cy="6858000" type="screen4x3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D04BC"/>
    <a:srgbClr val="0843B8"/>
    <a:srgbClr val="3311AF"/>
    <a:srgbClr val="1759A9"/>
    <a:srgbClr val="2020A0"/>
    <a:srgbClr val="00467A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317" autoAdjust="0"/>
    <p:restoredTop sz="94638" autoAdjust="0"/>
  </p:normalViewPr>
  <p:slideViewPr>
    <p:cSldViewPr>
      <p:cViewPr varScale="1">
        <p:scale>
          <a:sx n="70" d="100"/>
          <a:sy n="70" d="100"/>
        </p:scale>
        <p:origin x="-1230" y="-90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viewProps" Target="viewProps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colorful3">
  <dgm:title val=""/>
  <dgm:desc val=""/>
  <dgm:catLst>
    <dgm:cat type="colorful" pri="103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3"/>
      <a:schemeClr val="accent4"/>
    </dgm:fillClrLst>
    <dgm:linClrLst>
      <a:schemeClr val="accent3"/>
      <a:schemeClr val="accent4"/>
    </dgm:linClrLst>
    <dgm:effectClrLst/>
    <dgm:txLinClrLst/>
    <dgm:txFillClrLst/>
    <dgm:txEffectClrLst/>
  </dgm:styleLbl>
  <dgm:styleLbl name="ln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3">
        <a:alpha val="50000"/>
      </a:schemeClr>
      <a:schemeClr val="accent4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3">
        <a:tint val="50000"/>
      </a:schemeClr>
      <a:schemeClr val="accent4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3"/>
      <a:schemeClr val="accent4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4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10.xml><?xml version="1.0" encoding="utf-8"?>
<dgm:colorsDef xmlns:dgm="http://schemas.openxmlformats.org/drawingml/2006/diagram" xmlns:a="http://schemas.openxmlformats.org/drawingml/2006/main" uniqueId="urn:microsoft.com/office/officeart/2005/8/colors/colorful3">
  <dgm:title val=""/>
  <dgm:desc val=""/>
  <dgm:catLst>
    <dgm:cat type="colorful" pri="103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3"/>
      <a:schemeClr val="accent4"/>
    </dgm:fillClrLst>
    <dgm:linClrLst>
      <a:schemeClr val="accent3"/>
      <a:schemeClr val="accent4"/>
    </dgm:linClrLst>
    <dgm:effectClrLst/>
    <dgm:txLinClrLst/>
    <dgm:txFillClrLst/>
    <dgm:txEffectClrLst/>
  </dgm:styleLbl>
  <dgm:styleLbl name="ln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3">
        <a:alpha val="50000"/>
      </a:schemeClr>
      <a:schemeClr val="accent4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3">
        <a:tint val="50000"/>
      </a:schemeClr>
      <a:schemeClr val="accent4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3"/>
      <a:schemeClr val="accent4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4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11.xml><?xml version="1.0" encoding="utf-8"?>
<dgm:colorsDef xmlns:dgm="http://schemas.openxmlformats.org/drawingml/2006/diagram" xmlns:a="http://schemas.openxmlformats.org/drawingml/2006/main" uniqueId="urn:microsoft.com/office/officeart/2005/8/colors/accent3_3">
  <dgm:title val=""/>
  <dgm:desc val=""/>
  <dgm:catLst>
    <dgm:cat type="accent3" pri="11300"/>
  </dgm:catLst>
  <dgm:styleLbl name="node0">
    <dgm:fillClrLst meth="repeat">
      <a:schemeClr val="accent3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3">
        <a:shade val="80000"/>
      </a:schemeClr>
      <a:schemeClr val="accent3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3">
        <a:shade val="80000"/>
      </a:schemeClr>
      <a:schemeClr val="accent3">
        <a:tint val="70000"/>
      </a:schemeClr>
    </dgm:fillClrLst>
    <dgm:linClrLst>
      <a:schemeClr val="accent3">
        <a:shade val="80000"/>
      </a:schemeClr>
      <a:schemeClr val="accent3">
        <a:tint val="70000"/>
      </a:schemeClr>
    </dgm:linClrLst>
    <dgm:effectClrLst/>
    <dgm:txLinClrLst/>
    <dgm:txFillClrLst/>
    <dgm:txEffectClrLst/>
  </dgm:styleLbl>
  <dgm:styleLbl name="lnNode1">
    <dgm:fillClrLst>
      <a:schemeClr val="accent3">
        <a:shade val="80000"/>
      </a:schemeClr>
      <a:schemeClr val="accent3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3">
        <a:shade val="80000"/>
        <a:alpha val="50000"/>
      </a:schemeClr>
      <a:schemeClr val="accent3">
        <a:tint val="70000"/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3">
        <a:tint val="99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3">
        <a:tint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3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3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3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3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3">
        <a:shade val="90000"/>
      </a:schemeClr>
      <a:schemeClr val="accent3">
        <a:tint val="70000"/>
      </a:schemeClr>
    </dgm:fillClrLst>
    <dgm:linClrLst>
      <a:schemeClr val="accent3">
        <a:shade val="90000"/>
      </a:schemeClr>
      <a:schemeClr val="accent3">
        <a:tint val="70000"/>
      </a:schemeClr>
    </dgm:linClrLst>
    <dgm:effectClrLst/>
    <dgm:txLinClrLst/>
    <dgm:txFillClrLst/>
    <dgm:txEffectClrLst/>
  </dgm:styleLbl>
  <dgm:styleLbl name="fgSibTrans2D1">
    <dgm:fillClrLst>
      <a:schemeClr val="accent3">
        <a:shade val="90000"/>
      </a:schemeClr>
      <a:schemeClr val="accent3">
        <a:tint val="70000"/>
      </a:schemeClr>
    </dgm:fillClrLst>
    <dgm:linClrLst>
      <a:schemeClr val="accent3">
        <a:shade val="90000"/>
      </a:schemeClr>
      <a:schemeClr val="accent3">
        <a:tint val="70000"/>
      </a:schemeClr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3">
        <a:shade val="90000"/>
      </a:schemeClr>
      <a:schemeClr val="accent3">
        <a:tint val="70000"/>
      </a:schemeClr>
    </dgm:fillClrLst>
    <dgm:linClrLst>
      <a:schemeClr val="accent3">
        <a:shade val="90000"/>
      </a:schemeClr>
      <a:schemeClr val="accent3">
        <a:tint val="70000"/>
      </a:schemeClr>
    </dgm:linClrLst>
    <dgm:effectClrLst/>
    <dgm:txLinClrLst/>
    <dgm:txFillClrLst meth="repeat">
      <a:schemeClr val="lt1"/>
    </dgm:txFillClrLst>
    <dgm:txEffectClrLst/>
  </dgm:styleLbl>
  <dgm:styleLbl name="sibTrans1D1">
    <dgm:fillClrLst>
      <a:schemeClr val="accent3">
        <a:shade val="90000"/>
      </a:schemeClr>
      <a:schemeClr val="accent3">
        <a:tint val="70000"/>
      </a:schemeClr>
    </dgm:fillClrLst>
    <dgm:linClrLst>
      <a:schemeClr val="accent3">
        <a:shade val="90000"/>
      </a:schemeClr>
      <a:schemeClr val="accent3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3">
        <a:shade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3">
        <a:tint val="99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3">
        <a:tint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3">
        <a:tint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>
        <a:tint val="90000"/>
      </a:schemeClr>
    </dgm:fillClrLst>
    <dgm:linClrLst meth="repeat">
      <a:schemeClr val="accent3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3">
        <a:tint val="70000"/>
      </a:schemeClr>
    </dgm:fillClrLst>
    <dgm:linClrLst meth="repeat">
      <a:schemeClr val="accent3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3">
        <a:tint val="50000"/>
      </a:schemeClr>
    </dgm:fillClrLst>
    <dgm:linClrLst meth="repeat">
      <a:schemeClr val="accent3">
        <a:tint val="50000"/>
      </a:schemeClr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>
        <a:shade val="80000"/>
      </a:schemeClr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>
        <a:tint val="99000"/>
      </a:schemeClr>
    </dgm:fillClrLst>
    <dgm:linClrLst meth="repeat">
      <a:schemeClr val="accent3">
        <a:tint val="99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>
        <a:tint val="80000"/>
      </a:schemeClr>
    </dgm:fillClrLst>
    <dgm:linClrLst meth="repeat">
      <a:schemeClr val="accent3">
        <a:tint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>
        <a:tint val="70000"/>
      </a:schemeClr>
    </dgm:fillClrLst>
    <dgm:linClrLst meth="repeat">
      <a:schemeClr val="accent3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3">
        <a:shade val="80000"/>
      </a:schemeClr>
      <a:schemeClr val="accent3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3">
        <a:shade val="80000"/>
      </a:schemeClr>
      <a:schemeClr val="accent3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3">
        <a:shade val="80000"/>
      </a:schemeClr>
      <a:schemeClr val="accent3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3">
        <a:shade val="80000"/>
      </a:schemeClr>
      <a:schemeClr val="accent3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3">
        <a:shade val="80000"/>
      </a:schemeClr>
      <a:schemeClr val="accent3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3">
        <a:alpha val="90000"/>
        <a:tint val="40000"/>
      </a:schemeClr>
    </dgm:fillClrLst>
    <dgm:linClrLst meth="repeat">
      <a:schemeClr val="accent3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3">
        <a:alpha val="90000"/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3">
        <a:tint val="99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3">
        <a:tint val="8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3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colorful3">
  <dgm:title val=""/>
  <dgm:desc val=""/>
  <dgm:catLst>
    <dgm:cat type="colorful" pri="103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3"/>
      <a:schemeClr val="accent4"/>
    </dgm:fillClrLst>
    <dgm:linClrLst>
      <a:schemeClr val="accent3"/>
      <a:schemeClr val="accent4"/>
    </dgm:linClrLst>
    <dgm:effectClrLst/>
    <dgm:txLinClrLst/>
    <dgm:txFillClrLst/>
    <dgm:txEffectClrLst/>
  </dgm:styleLbl>
  <dgm:styleLbl name="ln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3">
        <a:alpha val="50000"/>
      </a:schemeClr>
      <a:schemeClr val="accent4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3">
        <a:tint val="50000"/>
      </a:schemeClr>
      <a:schemeClr val="accent4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3"/>
      <a:schemeClr val="accent4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4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colorful3">
  <dgm:title val=""/>
  <dgm:desc val=""/>
  <dgm:catLst>
    <dgm:cat type="colorful" pri="103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3"/>
      <a:schemeClr val="accent4"/>
    </dgm:fillClrLst>
    <dgm:linClrLst>
      <a:schemeClr val="accent3"/>
      <a:schemeClr val="accent4"/>
    </dgm:linClrLst>
    <dgm:effectClrLst/>
    <dgm:txLinClrLst/>
    <dgm:txFillClrLst/>
    <dgm:txEffectClrLst/>
  </dgm:styleLbl>
  <dgm:styleLbl name="ln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3">
        <a:alpha val="50000"/>
      </a:schemeClr>
      <a:schemeClr val="accent4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3">
        <a:tint val="50000"/>
      </a:schemeClr>
      <a:schemeClr val="accent4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3"/>
      <a:schemeClr val="accent4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4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colorful3">
  <dgm:title val=""/>
  <dgm:desc val=""/>
  <dgm:catLst>
    <dgm:cat type="colorful" pri="103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3"/>
      <a:schemeClr val="accent4"/>
    </dgm:fillClrLst>
    <dgm:linClrLst>
      <a:schemeClr val="accent3"/>
      <a:schemeClr val="accent4"/>
    </dgm:linClrLst>
    <dgm:effectClrLst/>
    <dgm:txLinClrLst/>
    <dgm:txFillClrLst/>
    <dgm:txEffectClrLst/>
  </dgm:styleLbl>
  <dgm:styleLbl name="ln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3">
        <a:alpha val="50000"/>
      </a:schemeClr>
      <a:schemeClr val="accent4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3">
        <a:tint val="50000"/>
      </a:schemeClr>
      <a:schemeClr val="accent4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3"/>
      <a:schemeClr val="accent4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4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colorful3">
  <dgm:title val=""/>
  <dgm:desc val=""/>
  <dgm:catLst>
    <dgm:cat type="colorful" pri="103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3"/>
      <a:schemeClr val="accent4"/>
    </dgm:fillClrLst>
    <dgm:linClrLst>
      <a:schemeClr val="accent3"/>
      <a:schemeClr val="accent4"/>
    </dgm:linClrLst>
    <dgm:effectClrLst/>
    <dgm:txLinClrLst/>
    <dgm:txFillClrLst/>
    <dgm:txEffectClrLst/>
  </dgm:styleLbl>
  <dgm:styleLbl name="ln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3">
        <a:alpha val="50000"/>
      </a:schemeClr>
      <a:schemeClr val="accent4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3">
        <a:tint val="50000"/>
      </a:schemeClr>
      <a:schemeClr val="accent4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3"/>
      <a:schemeClr val="accent4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4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6.xml><?xml version="1.0" encoding="utf-8"?>
<dgm:colorsDef xmlns:dgm="http://schemas.openxmlformats.org/drawingml/2006/diagram" xmlns:a="http://schemas.openxmlformats.org/drawingml/2006/main" uniqueId="urn:microsoft.com/office/officeart/2005/8/colors/colorful3">
  <dgm:title val=""/>
  <dgm:desc val=""/>
  <dgm:catLst>
    <dgm:cat type="colorful" pri="103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3"/>
      <a:schemeClr val="accent4"/>
    </dgm:fillClrLst>
    <dgm:linClrLst>
      <a:schemeClr val="accent3"/>
      <a:schemeClr val="accent4"/>
    </dgm:linClrLst>
    <dgm:effectClrLst/>
    <dgm:txLinClrLst/>
    <dgm:txFillClrLst/>
    <dgm:txEffectClrLst/>
  </dgm:styleLbl>
  <dgm:styleLbl name="ln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3">
        <a:alpha val="50000"/>
      </a:schemeClr>
      <a:schemeClr val="accent4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3">
        <a:tint val="50000"/>
      </a:schemeClr>
      <a:schemeClr val="accent4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3"/>
      <a:schemeClr val="accent4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4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7.xml><?xml version="1.0" encoding="utf-8"?>
<dgm:colorsDef xmlns:dgm="http://schemas.openxmlformats.org/drawingml/2006/diagram" xmlns:a="http://schemas.openxmlformats.org/drawingml/2006/main" uniqueId="urn:microsoft.com/office/officeart/2005/8/colors/colorful3">
  <dgm:title val=""/>
  <dgm:desc val=""/>
  <dgm:catLst>
    <dgm:cat type="colorful" pri="103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3"/>
      <a:schemeClr val="accent4"/>
    </dgm:fillClrLst>
    <dgm:linClrLst>
      <a:schemeClr val="accent3"/>
      <a:schemeClr val="accent4"/>
    </dgm:linClrLst>
    <dgm:effectClrLst/>
    <dgm:txLinClrLst/>
    <dgm:txFillClrLst/>
    <dgm:txEffectClrLst/>
  </dgm:styleLbl>
  <dgm:styleLbl name="lnNode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3">
        <a:alpha val="50000"/>
      </a:schemeClr>
      <a:schemeClr val="accent4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3">
        <a:tint val="50000"/>
      </a:schemeClr>
      <a:schemeClr val="accent4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3">
        <a:tint val="50000"/>
      </a:schemeClr>
      <a:schemeClr val="accent4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3"/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3"/>
      <a:schemeClr val="accent4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4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3"/>
      <a:schemeClr val="accent4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3">
        <a:tint val="40000"/>
        <a:alpha val="90000"/>
      </a:schemeClr>
      <a:schemeClr val="accent4">
        <a:tint val="40000"/>
        <a:alpha val="90000"/>
      </a:schemeClr>
    </dgm:fillClrLst>
    <dgm:linClrLst>
      <a:schemeClr val="accent3">
        <a:tint val="40000"/>
        <a:alpha val="90000"/>
      </a:schemeClr>
      <a:schemeClr val="accent4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8.xml><?xml version="1.0" encoding="utf-8"?>
<dgm:colorsDef xmlns:dgm="http://schemas.openxmlformats.org/drawingml/2006/diagram" xmlns:a="http://schemas.openxmlformats.org/drawingml/2006/main" uniqueId="urn:microsoft.com/office/officeart/2005/8/colors/accent3_1">
  <dgm:title val=""/>
  <dgm:desc val=""/>
  <dgm:catLst>
    <dgm:cat type="accent3" pri="11100"/>
  </dgm:catLst>
  <dgm:styleLbl name="node0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3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3">
        <a:tint val="40000"/>
      </a:schemeClr>
    </dgm:fillClrLst>
    <dgm:linClrLst meth="repeat">
      <a:schemeClr val="accent3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3">
        <a:tint val="40000"/>
      </a:schemeClr>
    </dgm:fillClrLst>
    <dgm:linClrLst meth="repeat">
      <a:schemeClr val="accent3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3">
        <a:tint val="40000"/>
      </a:schemeClr>
    </dgm:fillClrLst>
    <dgm:linClrLst meth="repeat">
      <a:schemeClr val="accent3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3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3">
        <a:tint val="60000"/>
      </a:schemeClr>
    </dgm:fillClrLst>
    <dgm:linClrLst meth="repeat">
      <a:schemeClr val="accent3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parChTrans2D3">
    <dgm:fillClrLst meth="repeat">
      <a:schemeClr val="accent3"/>
    </dgm:fillClrLst>
    <dgm:linClrLst meth="repeat">
      <a:schemeClr val="accent3"/>
    </dgm:linClrLst>
    <dgm:effectClrLst/>
    <dgm:txLinClrLst/>
    <dgm:txFillClrLst/>
    <dgm:txEffectClrLst/>
  </dgm:styleLbl>
  <dgm:styleLbl name="parChTrans2D4">
    <dgm:fillClrLst meth="repeat">
      <a:schemeClr val="accent3"/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/>
    </dgm:fillClrLst>
    <dgm:linClrLst meth="repeat">
      <a:schemeClr val="accent3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3"/>
    </dgm:fillClrLst>
    <dgm:linClrLst meth="repeat">
      <a:schemeClr val="accent3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3">
        <a:alpha val="90000"/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3">
        <a:alpha val="90000"/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3">
        <a:alpha val="90000"/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3">
        <a:alpha val="40000"/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3">
        <a:alpha val="90000"/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3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3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3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3">
        <a:alpha val="90000"/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3">
        <a:alpha val="90000"/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3">
        <a:alpha val="90000"/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3">
        <a:alpha val="90000"/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3">
        <a:tint val="40000"/>
      </a:schemeClr>
    </dgm:fillClrLst>
    <dgm:linClrLst meth="repeat">
      <a:schemeClr val="accent3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3">
        <a:shade val="8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3">
        <a:tint val="50000"/>
        <a:alpha val="40000"/>
      </a:schemeClr>
    </dgm:fillClrLst>
    <dgm:linClrLst meth="repeat">
      <a:schemeClr val="accent3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3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9.xml><?xml version="1.0" encoding="utf-8"?>
<dgm:colorsDef xmlns:dgm="http://schemas.openxmlformats.org/drawingml/2006/diagram" xmlns:a="http://schemas.openxmlformats.org/drawingml/2006/main" uniqueId="urn:microsoft.com/office/officeart/2005/8/colors/colorful2">
  <dgm:title val=""/>
  <dgm:desc val=""/>
  <dgm:catLst>
    <dgm:cat type="colorful" pri="10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/>
      <a:schemeClr val="accent3"/>
    </dgm:fillClrLst>
    <dgm:linClrLst>
      <a:schemeClr val="accent2"/>
      <a:schemeClr val="accent3"/>
    </dgm:linClrLst>
    <dgm:effectClrLst/>
    <dgm:txLinClrLst/>
    <dgm:txFillClrLst/>
    <dgm:txEffectClrLst/>
  </dgm:styleLbl>
  <dgm:styleLbl name="ln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alpha val="50000"/>
      </a:schemeClr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</a:schemeClr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2"/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32B2E13A-75DB-4808-8A6B-ECD5D644AA3B}" type="doc">
      <dgm:prSet loTypeId="urn:microsoft.com/office/officeart/2005/8/layout/vList5" loCatId="list" qsTypeId="urn:microsoft.com/office/officeart/2005/8/quickstyle/simple1" qsCatId="simple" csTypeId="urn:microsoft.com/office/officeart/2005/8/colors/colorful3" csCatId="colorful" phldr="1"/>
      <dgm:spPr/>
      <dgm:t>
        <a:bodyPr/>
        <a:lstStyle/>
        <a:p>
          <a:endParaRPr lang="ru-RU"/>
        </a:p>
      </dgm:t>
    </dgm:pt>
    <dgm:pt modelId="{406C1898-F23A-4664-8F62-33A65988272D}">
      <dgm:prSet phldrT="[Текст]" custT="1"/>
      <dgm:spPr/>
      <dgm:t>
        <a:bodyPr/>
        <a:lstStyle/>
        <a:p>
          <a:r>
            <a:rPr lang="ru-RU" sz="2500" b="1" dirty="0" err="1" smtClean="0"/>
            <a:t>Massive</a:t>
          </a:r>
          <a:r>
            <a:rPr lang="ru-RU" sz="2500" dirty="0" smtClean="0"/>
            <a:t> (массовый):</a:t>
          </a:r>
          <a:r>
            <a:rPr lang="ru-RU" sz="2900" dirty="0" smtClean="0"/>
            <a:t> </a:t>
          </a:r>
          <a:endParaRPr lang="ru-RU" sz="2900" dirty="0"/>
        </a:p>
      </dgm:t>
    </dgm:pt>
    <dgm:pt modelId="{AFCFD38C-B3D5-4E7B-B414-E7117FA432AB}" type="parTrans" cxnId="{65E325BE-FEDC-470E-8696-C23CE3B2FAD9}">
      <dgm:prSet/>
      <dgm:spPr/>
      <dgm:t>
        <a:bodyPr/>
        <a:lstStyle/>
        <a:p>
          <a:endParaRPr lang="ru-RU"/>
        </a:p>
      </dgm:t>
    </dgm:pt>
    <dgm:pt modelId="{658E4A6F-850E-456F-B9D9-E320F856D445}" type="sibTrans" cxnId="{65E325BE-FEDC-470E-8696-C23CE3B2FAD9}">
      <dgm:prSet/>
      <dgm:spPr/>
      <dgm:t>
        <a:bodyPr/>
        <a:lstStyle/>
        <a:p>
          <a:endParaRPr lang="ru-RU"/>
        </a:p>
      </dgm:t>
    </dgm:pt>
    <dgm:pt modelId="{FF00D07E-D9EC-4356-821D-2E667EA4A2AD}">
      <dgm:prSet phldrT="[Текст]" custT="1"/>
      <dgm:spPr/>
      <dgm:t>
        <a:bodyPr/>
        <a:lstStyle/>
        <a:p>
          <a:pPr algn="just"/>
          <a:r>
            <a:rPr lang="ru-RU" sz="1800" dirty="0" smtClean="0">
              <a:solidFill>
                <a:srgbClr val="0843B8"/>
              </a:solidFill>
            </a:rPr>
            <a:t>большое количество слушателей, не ограниченных географическим положением</a:t>
          </a:r>
          <a:endParaRPr lang="ru-RU" sz="1800" dirty="0">
            <a:solidFill>
              <a:srgbClr val="0843B8"/>
            </a:solidFill>
          </a:endParaRPr>
        </a:p>
      </dgm:t>
    </dgm:pt>
    <dgm:pt modelId="{18425B31-06F2-4577-A6AE-BB1E8986B0AD}" type="parTrans" cxnId="{6BFDF407-BA2B-4856-B196-448E095B8893}">
      <dgm:prSet/>
      <dgm:spPr/>
      <dgm:t>
        <a:bodyPr/>
        <a:lstStyle/>
        <a:p>
          <a:endParaRPr lang="ru-RU"/>
        </a:p>
      </dgm:t>
    </dgm:pt>
    <dgm:pt modelId="{72722476-00CC-4947-8E52-72F3B032FE4F}" type="sibTrans" cxnId="{6BFDF407-BA2B-4856-B196-448E095B8893}">
      <dgm:prSet/>
      <dgm:spPr/>
      <dgm:t>
        <a:bodyPr/>
        <a:lstStyle/>
        <a:p>
          <a:endParaRPr lang="ru-RU"/>
        </a:p>
      </dgm:t>
    </dgm:pt>
    <dgm:pt modelId="{46D3FAE5-D1EB-4B6A-AE88-E880C43C9678}">
      <dgm:prSet phldrT="[Текст]" custT="1"/>
      <dgm:spPr/>
      <dgm:t>
        <a:bodyPr/>
        <a:lstStyle/>
        <a:p>
          <a:r>
            <a:rPr lang="ru-RU" sz="2500" b="1" dirty="0" err="1" smtClean="0"/>
            <a:t>Open</a:t>
          </a:r>
          <a:r>
            <a:rPr lang="ru-RU" sz="2500" dirty="0" smtClean="0"/>
            <a:t> (открытый): </a:t>
          </a:r>
          <a:endParaRPr lang="ru-RU" sz="2500" dirty="0"/>
        </a:p>
      </dgm:t>
    </dgm:pt>
    <dgm:pt modelId="{F8E34A14-4D3F-4C19-BF3A-7269839564B3}" type="parTrans" cxnId="{95F22BD8-009C-4C28-9243-71A1CB09CC2F}">
      <dgm:prSet/>
      <dgm:spPr/>
      <dgm:t>
        <a:bodyPr/>
        <a:lstStyle/>
        <a:p>
          <a:endParaRPr lang="ru-RU"/>
        </a:p>
      </dgm:t>
    </dgm:pt>
    <dgm:pt modelId="{CEF6ABBF-9DD7-4E03-9216-14363D9D8D87}" type="sibTrans" cxnId="{95F22BD8-009C-4C28-9243-71A1CB09CC2F}">
      <dgm:prSet/>
      <dgm:spPr/>
      <dgm:t>
        <a:bodyPr/>
        <a:lstStyle/>
        <a:p>
          <a:endParaRPr lang="ru-RU"/>
        </a:p>
      </dgm:t>
    </dgm:pt>
    <dgm:pt modelId="{392C2935-50E2-496F-9A82-11BD392FA5FD}">
      <dgm:prSet phldrT="[Текст]" custT="1"/>
      <dgm:spPr/>
      <dgm:t>
        <a:bodyPr/>
        <a:lstStyle/>
        <a:p>
          <a:pPr algn="just"/>
          <a:r>
            <a:rPr lang="ru-RU" sz="1800" dirty="0" smtClean="0">
              <a:solidFill>
                <a:srgbClr val="0843B8"/>
              </a:solidFill>
            </a:rPr>
            <a:t>бесплатное </a:t>
          </a:r>
          <a:r>
            <a:rPr lang="ru-RU" sz="1800" dirty="0" err="1" smtClean="0">
              <a:solidFill>
                <a:srgbClr val="0843B8"/>
              </a:solidFill>
            </a:rPr>
            <a:t>онлайн</a:t>
          </a:r>
          <a:r>
            <a:rPr lang="ru-RU" sz="1800" dirty="0" smtClean="0">
              <a:solidFill>
                <a:srgbClr val="0843B8"/>
              </a:solidFill>
            </a:rPr>
            <a:t> обучение для всех желающих</a:t>
          </a:r>
          <a:endParaRPr lang="ru-RU" sz="1800" dirty="0">
            <a:solidFill>
              <a:srgbClr val="0843B8"/>
            </a:solidFill>
          </a:endParaRPr>
        </a:p>
      </dgm:t>
    </dgm:pt>
    <dgm:pt modelId="{DB6DD303-2F7E-47E3-B5BD-E15969CFCE6B}" type="parTrans" cxnId="{AACDBEB3-22FE-4305-AC0D-C5037E91C0A5}">
      <dgm:prSet/>
      <dgm:spPr/>
      <dgm:t>
        <a:bodyPr/>
        <a:lstStyle/>
        <a:p>
          <a:endParaRPr lang="ru-RU"/>
        </a:p>
      </dgm:t>
    </dgm:pt>
    <dgm:pt modelId="{B8B46029-893E-4862-9E65-2FBAD9F4CE66}" type="sibTrans" cxnId="{AACDBEB3-22FE-4305-AC0D-C5037E91C0A5}">
      <dgm:prSet/>
      <dgm:spPr/>
      <dgm:t>
        <a:bodyPr/>
        <a:lstStyle/>
        <a:p>
          <a:endParaRPr lang="ru-RU"/>
        </a:p>
      </dgm:t>
    </dgm:pt>
    <dgm:pt modelId="{0C26165D-8DC9-44C1-A953-09232C163A1E}">
      <dgm:prSet phldrT="[Текст]" custT="1"/>
      <dgm:spPr/>
      <dgm:t>
        <a:bodyPr/>
        <a:lstStyle/>
        <a:p>
          <a:r>
            <a:rPr lang="ru-RU" sz="2500" b="1" dirty="0" err="1" smtClean="0"/>
            <a:t>Online</a:t>
          </a:r>
          <a:r>
            <a:rPr lang="ru-RU" sz="2500" dirty="0" smtClean="0"/>
            <a:t> (</a:t>
          </a:r>
          <a:r>
            <a:rPr lang="ru-RU" sz="2500" dirty="0" err="1" smtClean="0"/>
            <a:t>онлайн</a:t>
          </a:r>
          <a:r>
            <a:rPr lang="ru-RU" sz="2500" dirty="0" smtClean="0"/>
            <a:t>):</a:t>
          </a:r>
          <a:endParaRPr lang="ru-RU" sz="2500" dirty="0"/>
        </a:p>
      </dgm:t>
    </dgm:pt>
    <dgm:pt modelId="{66EA6B9E-F2C8-49E9-BDF5-01DC84BCE166}" type="parTrans" cxnId="{EFD2107F-324E-4563-8B47-73BA44D47F9C}">
      <dgm:prSet/>
      <dgm:spPr/>
      <dgm:t>
        <a:bodyPr/>
        <a:lstStyle/>
        <a:p>
          <a:endParaRPr lang="ru-RU"/>
        </a:p>
      </dgm:t>
    </dgm:pt>
    <dgm:pt modelId="{78B4B99B-50F5-4F8E-8B18-D18F2BFB68C5}" type="sibTrans" cxnId="{EFD2107F-324E-4563-8B47-73BA44D47F9C}">
      <dgm:prSet/>
      <dgm:spPr/>
      <dgm:t>
        <a:bodyPr/>
        <a:lstStyle/>
        <a:p>
          <a:endParaRPr lang="ru-RU"/>
        </a:p>
      </dgm:t>
    </dgm:pt>
    <dgm:pt modelId="{E6DDC05C-FE52-4DA1-8FEF-0764F7675513}">
      <dgm:prSet phldrT="[Текст]" custT="1"/>
      <dgm:spPr/>
      <dgm:t>
        <a:bodyPr/>
        <a:lstStyle/>
        <a:p>
          <a:r>
            <a:rPr lang="ru-RU" sz="1650" dirty="0" smtClean="0">
              <a:solidFill>
                <a:srgbClr val="0843B8"/>
              </a:solidFill>
            </a:rPr>
            <a:t>курсы с использованием средств </a:t>
          </a:r>
          <a:r>
            <a:rPr lang="ru-RU" sz="1650" dirty="0" err="1" smtClean="0">
              <a:solidFill>
                <a:srgbClr val="0843B8"/>
              </a:solidFill>
            </a:rPr>
            <a:t>онлайн</a:t>
          </a:r>
          <a:r>
            <a:rPr lang="ru-RU" sz="1650" dirty="0" smtClean="0">
              <a:solidFill>
                <a:srgbClr val="0843B8"/>
              </a:solidFill>
            </a:rPr>
            <a:t> связи</a:t>
          </a:r>
          <a:r>
            <a:rPr lang="en-US" sz="1650" dirty="0" smtClean="0">
              <a:solidFill>
                <a:srgbClr val="0843B8"/>
              </a:solidFill>
            </a:rPr>
            <a:t>, </a:t>
          </a:r>
          <a:r>
            <a:rPr lang="ru-RU" sz="1650" dirty="0" smtClean="0">
              <a:solidFill>
                <a:srgbClr val="0843B8"/>
              </a:solidFill>
            </a:rPr>
            <a:t>находятся в свободном доступе</a:t>
          </a:r>
          <a:endParaRPr lang="ru-RU" sz="1650" dirty="0">
            <a:solidFill>
              <a:srgbClr val="0843B8"/>
            </a:solidFill>
          </a:endParaRPr>
        </a:p>
      </dgm:t>
    </dgm:pt>
    <dgm:pt modelId="{D3583A63-57C2-48EA-A410-E4E21219E9B3}" type="parTrans" cxnId="{5881DB9E-1A88-40B9-8B74-C1E6CE0FDEDB}">
      <dgm:prSet/>
      <dgm:spPr/>
      <dgm:t>
        <a:bodyPr/>
        <a:lstStyle/>
        <a:p>
          <a:endParaRPr lang="ru-RU"/>
        </a:p>
      </dgm:t>
    </dgm:pt>
    <dgm:pt modelId="{EC2FBDEA-A0EF-4ABF-B8C1-B8EA658D69A7}" type="sibTrans" cxnId="{5881DB9E-1A88-40B9-8B74-C1E6CE0FDEDB}">
      <dgm:prSet/>
      <dgm:spPr/>
      <dgm:t>
        <a:bodyPr/>
        <a:lstStyle/>
        <a:p>
          <a:endParaRPr lang="ru-RU"/>
        </a:p>
      </dgm:t>
    </dgm:pt>
    <dgm:pt modelId="{5507D12B-60EE-498E-A67B-947298E06E28}">
      <dgm:prSet phldrT="[Текст]" custT="1"/>
      <dgm:spPr/>
      <dgm:t>
        <a:bodyPr/>
        <a:lstStyle/>
        <a:p>
          <a:r>
            <a:rPr lang="ru-RU" sz="2500" b="1" dirty="0" err="1" smtClean="0"/>
            <a:t>Course</a:t>
          </a:r>
          <a:r>
            <a:rPr lang="ru-RU" sz="2500" dirty="0" smtClean="0"/>
            <a:t> </a:t>
          </a:r>
        </a:p>
        <a:p>
          <a:r>
            <a:rPr lang="ru-RU" sz="2500" dirty="0" smtClean="0"/>
            <a:t>(курс):</a:t>
          </a:r>
          <a:endParaRPr lang="ru-RU" sz="2500" dirty="0"/>
        </a:p>
      </dgm:t>
    </dgm:pt>
    <dgm:pt modelId="{9C91F16D-BE80-4D1F-841F-E6F985D77416}" type="parTrans" cxnId="{53C8B54E-3027-4062-A060-4E86EB21C71B}">
      <dgm:prSet/>
      <dgm:spPr/>
      <dgm:t>
        <a:bodyPr/>
        <a:lstStyle/>
        <a:p>
          <a:endParaRPr lang="ru-RU"/>
        </a:p>
      </dgm:t>
    </dgm:pt>
    <dgm:pt modelId="{127B0D85-F9DD-40B5-99A5-8AB1B61809EB}" type="sibTrans" cxnId="{53C8B54E-3027-4062-A060-4E86EB21C71B}">
      <dgm:prSet/>
      <dgm:spPr/>
      <dgm:t>
        <a:bodyPr/>
        <a:lstStyle/>
        <a:p>
          <a:endParaRPr lang="ru-RU"/>
        </a:p>
      </dgm:t>
    </dgm:pt>
    <dgm:pt modelId="{C4B5CF0E-D625-42FE-AD2B-BB1BBACC0749}">
      <dgm:prSet phldrT="[Текст]" custT="1"/>
      <dgm:spPr/>
      <dgm:t>
        <a:bodyPr/>
        <a:lstStyle/>
        <a:p>
          <a:r>
            <a:rPr lang="ru-RU" sz="1600" b="0" dirty="0" smtClean="0">
              <a:solidFill>
                <a:srgbClr val="0843B8"/>
              </a:solidFill>
            </a:rPr>
            <a:t>структурированная и упорядоченная подача информации с целями, правилами работы и временными ограничениями</a:t>
          </a:r>
          <a:endParaRPr lang="ru-RU" sz="1600" b="0" dirty="0">
            <a:solidFill>
              <a:srgbClr val="0843B8"/>
            </a:solidFill>
          </a:endParaRPr>
        </a:p>
      </dgm:t>
    </dgm:pt>
    <dgm:pt modelId="{C197A110-0075-44B6-A304-8A8B38A23135}" type="parTrans" cxnId="{5895238C-9104-4F8E-AAF4-C92064916912}">
      <dgm:prSet/>
      <dgm:spPr/>
      <dgm:t>
        <a:bodyPr/>
        <a:lstStyle/>
        <a:p>
          <a:endParaRPr lang="ru-RU"/>
        </a:p>
      </dgm:t>
    </dgm:pt>
    <dgm:pt modelId="{58923A24-5064-4B65-8689-BCD7EC8D4B73}" type="sibTrans" cxnId="{5895238C-9104-4F8E-AAF4-C92064916912}">
      <dgm:prSet/>
      <dgm:spPr/>
      <dgm:t>
        <a:bodyPr/>
        <a:lstStyle/>
        <a:p>
          <a:endParaRPr lang="ru-RU"/>
        </a:p>
      </dgm:t>
    </dgm:pt>
    <dgm:pt modelId="{76E872CF-C0F1-4E41-AEAD-4CB6BFBC2607}" type="pres">
      <dgm:prSet presAssocID="{32B2E13A-75DB-4808-8A6B-ECD5D644AA3B}" presName="Name0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72D9F5F9-A093-4FB8-A5CE-A23EC8D44310}" type="pres">
      <dgm:prSet presAssocID="{406C1898-F23A-4664-8F62-33A65988272D}" presName="linNode" presStyleCnt="0"/>
      <dgm:spPr/>
    </dgm:pt>
    <dgm:pt modelId="{172C1C0E-B168-49D5-96DB-F674CE18265B}" type="pres">
      <dgm:prSet presAssocID="{406C1898-F23A-4664-8F62-33A65988272D}" presName="parentText" presStyleLbl="node1" presStyleIdx="0" presStyleCnt="4" custLinFactNeighborX="-8942" custLinFactNeighborY="-19097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02D33012-0304-4A47-844C-3B083B6DD1CB}" type="pres">
      <dgm:prSet presAssocID="{406C1898-F23A-4664-8F62-33A65988272D}" presName="descendantText" presStyleLbl="alignAccFollowNode1" presStyleIdx="0" presStyleCnt="4" custLinFactNeighborX="9963" custLinFactNeighborY="1664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191341BA-A27B-4451-8810-C99C406A8D3A}" type="pres">
      <dgm:prSet presAssocID="{658E4A6F-850E-456F-B9D9-E320F856D445}" presName="sp" presStyleCnt="0"/>
      <dgm:spPr/>
    </dgm:pt>
    <dgm:pt modelId="{9A607FCB-82B9-4256-8CDE-8147C97F9B59}" type="pres">
      <dgm:prSet presAssocID="{46D3FAE5-D1EB-4B6A-AE88-E880C43C9678}" presName="linNode" presStyleCnt="0"/>
      <dgm:spPr/>
    </dgm:pt>
    <dgm:pt modelId="{BB3F643E-9438-455F-B0FA-5334984BB859}" type="pres">
      <dgm:prSet presAssocID="{46D3FAE5-D1EB-4B6A-AE88-E880C43C9678}" presName="parentText" presStyleLbl="node1" presStyleIdx="1" presStyleCnt="4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AE2725FB-B338-4C66-9F99-286F173EB9B2}" type="pres">
      <dgm:prSet presAssocID="{46D3FAE5-D1EB-4B6A-AE88-E880C43C9678}" presName="descendantText" presStyleLbl="alignAccFollowNode1" presStyleIdx="1" presStyleCnt="4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7EDE567C-4039-4E69-AF41-E0F0E43E0CC8}" type="pres">
      <dgm:prSet presAssocID="{CEF6ABBF-9DD7-4E03-9216-14363D9D8D87}" presName="sp" presStyleCnt="0"/>
      <dgm:spPr/>
    </dgm:pt>
    <dgm:pt modelId="{03A6550C-B84E-443D-A76C-F57C44E0AE20}" type="pres">
      <dgm:prSet presAssocID="{0C26165D-8DC9-44C1-A953-09232C163A1E}" presName="linNode" presStyleCnt="0"/>
      <dgm:spPr/>
    </dgm:pt>
    <dgm:pt modelId="{097BC1B8-44F1-4AD4-AEAA-BB20BBC07F7F}" type="pres">
      <dgm:prSet presAssocID="{0C26165D-8DC9-44C1-A953-09232C163A1E}" presName="parentText" presStyleLbl="node1" presStyleIdx="2" presStyleCnt="4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0091625C-5BEE-432B-A2D0-02CC52EE0590}" type="pres">
      <dgm:prSet presAssocID="{0C26165D-8DC9-44C1-A953-09232C163A1E}" presName="descendantText" presStyleLbl="alignAccFollowNode1" presStyleIdx="2" presStyleCnt="4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C2F0F84C-BE09-4455-82B2-E5B84D58DD14}" type="pres">
      <dgm:prSet presAssocID="{78B4B99B-50F5-4F8E-8B18-D18F2BFB68C5}" presName="sp" presStyleCnt="0"/>
      <dgm:spPr/>
    </dgm:pt>
    <dgm:pt modelId="{0BFF31DD-38C5-4957-ABC0-D6EEE9495B1C}" type="pres">
      <dgm:prSet presAssocID="{5507D12B-60EE-498E-A67B-947298E06E28}" presName="linNode" presStyleCnt="0"/>
      <dgm:spPr/>
    </dgm:pt>
    <dgm:pt modelId="{1B11F96A-C79D-4191-9081-91156DB29B94}" type="pres">
      <dgm:prSet presAssocID="{5507D12B-60EE-498E-A67B-947298E06E28}" presName="parentText" presStyleLbl="node1" presStyleIdx="3" presStyleCnt="4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54D546A3-365B-4B49-B1C6-82A8553F66A6}" type="pres">
      <dgm:prSet presAssocID="{5507D12B-60EE-498E-A67B-947298E06E28}" presName="descendantText" presStyleLbl="alignAccFollowNode1" presStyleIdx="3" presStyleCnt="4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65E325BE-FEDC-470E-8696-C23CE3B2FAD9}" srcId="{32B2E13A-75DB-4808-8A6B-ECD5D644AA3B}" destId="{406C1898-F23A-4664-8F62-33A65988272D}" srcOrd="0" destOrd="0" parTransId="{AFCFD38C-B3D5-4E7B-B414-E7117FA432AB}" sibTransId="{658E4A6F-850E-456F-B9D9-E320F856D445}"/>
    <dgm:cxn modelId="{A0708F5A-B1CC-49CC-ABB9-DAECFA3706FC}" type="presOf" srcId="{0C26165D-8DC9-44C1-A953-09232C163A1E}" destId="{097BC1B8-44F1-4AD4-AEAA-BB20BBC07F7F}" srcOrd="0" destOrd="0" presId="urn:microsoft.com/office/officeart/2005/8/layout/vList5"/>
    <dgm:cxn modelId="{5881DB9E-1A88-40B9-8B74-C1E6CE0FDEDB}" srcId="{0C26165D-8DC9-44C1-A953-09232C163A1E}" destId="{E6DDC05C-FE52-4DA1-8FEF-0764F7675513}" srcOrd="0" destOrd="0" parTransId="{D3583A63-57C2-48EA-A410-E4E21219E9B3}" sibTransId="{EC2FBDEA-A0EF-4ABF-B8C1-B8EA658D69A7}"/>
    <dgm:cxn modelId="{5895238C-9104-4F8E-AAF4-C92064916912}" srcId="{5507D12B-60EE-498E-A67B-947298E06E28}" destId="{C4B5CF0E-D625-42FE-AD2B-BB1BBACC0749}" srcOrd="0" destOrd="0" parTransId="{C197A110-0075-44B6-A304-8A8B38A23135}" sibTransId="{58923A24-5064-4B65-8689-BCD7EC8D4B73}"/>
    <dgm:cxn modelId="{28F9C6F6-60C5-4581-9FD4-5C745DEF57B2}" type="presOf" srcId="{C4B5CF0E-D625-42FE-AD2B-BB1BBACC0749}" destId="{54D546A3-365B-4B49-B1C6-82A8553F66A6}" srcOrd="0" destOrd="0" presId="urn:microsoft.com/office/officeart/2005/8/layout/vList5"/>
    <dgm:cxn modelId="{EFD2107F-324E-4563-8B47-73BA44D47F9C}" srcId="{32B2E13A-75DB-4808-8A6B-ECD5D644AA3B}" destId="{0C26165D-8DC9-44C1-A953-09232C163A1E}" srcOrd="2" destOrd="0" parTransId="{66EA6B9E-F2C8-49E9-BDF5-01DC84BCE166}" sibTransId="{78B4B99B-50F5-4F8E-8B18-D18F2BFB68C5}"/>
    <dgm:cxn modelId="{6BFDF407-BA2B-4856-B196-448E095B8893}" srcId="{406C1898-F23A-4664-8F62-33A65988272D}" destId="{FF00D07E-D9EC-4356-821D-2E667EA4A2AD}" srcOrd="0" destOrd="0" parTransId="{18425B31-06F2-4577-A6AE-BB1E8986B0AD}" sibTransId="{72722476-00CC-4947-8E52-72F3B032FE4F}"/>
    <dgm:cxn modelId="{53C8B54E-3027-4062-A060-4E86EB21C71B}" srcId="{32B2E13A-75DB-4808-8A6B-ECD5D644AA3B}" destId="{5507D12B-60EE-498E-A67B-947298E06E28}" srcOrd="3" destOrd="0" parTransId="{9C91F16D-BE80-4D1F-841F-E6F985D77416}" sibTransId="{127B0D85-F9DD-40B5-99A5-8AB1B61809EB}"/>
    <dgm:cxn modelId="{34432097-4F12-4209-ABCE-F8A2845D742E}" type="presOf" srcId="{E6DDC05C-FE52-4DA1-8FEF-0764F7675513}" destId="{0091625C-5BEE-432B-A2D0-02CC52EE0590}" srcOrd="0" destOrd="0" presId="urn:microsoft.com/office/officeart/2005/8/layout/vList5"/>
    <dgm:cxn modelId="{AF3F0D57-5E3D-4AA0-A525-B02604A15B0B}" type="presOf" srcId="{392C2935-50E2-496F-9A82-11BD392FA5FD}" destId="{AE2725FB-B338-4C66-9F99-286F173EB9B2}" srcOrd="0" destOrd="0" presId="urn:microsoft.com/office/officeart/2005/8/layout/vList5"/>
    <dgm:cxn modelId="{AACDBEB3-22FE-4305-AC0D-C5037E91C0A5}" srcId="{46D3FAE5-D1EB-4B6A-AE88-E880C43C9678}" destId="{392C2935-50E2-496F-9A82-11BD392FA5FD}" srcOrd="0" destOrd="0" parTransId="{DB6DD303-2F7E-47E3-B5BD-E15969CFCE6B}" sibTransId="{B8B46029-893E-4862-9E65-2FBAD9F4CE66}"/>
    <dgm:cxn modelId="{95F22BD8-009C-4C28-9243-71A1CB09CC2F}" srcId="{32B2E13A-75DB-4808-8A6B-ECD5D644AA3B}" destId="{46D3FAE5-D1EB-4B6A-AE88-E880C43C9678}" srcOrd="1" destOrd="0" parTransId="{F8E34A14-4D3F-4C19-BF3A-7269839564B3}" sibTransId="{CEF6ABBF-9DD7-4E03-9216-14363D9D8D87}"/>
    <dgm:cxn modelId="{7F15BD62-683A-453C-B550-07ABBF07B02A}" type="presOf" srcId="{FF00D07E-D9EC-4356-821D-2E667EA4A2AD}" destId="{02D33012-0304-4A47-844C-3B083B6DD1CB}" srcOrd="0" destOrd="0" presId="urn:microsoft.com/office/officeart/2005/8/layout/vList5"/>
    <dgm:cxn modelId="{9E6B47C6-CE20-4AFD-B77A-3C6BA620DD38}" type="presOf" srcId="{32B2E13A-75DB-4808-8A6B-ECD5D644AA3B}" destId="{76E872CF-C0F1-4E41-AEAD-4CB6BFBC2607}" srcOrd="0" destOrd="0" presId="urn:microsoft.com/office/officeart/2005/8/layout/vList5"/>
    <dgm:cxn modelId="{5751602B-96B1-45E4-9BEB-D14269DC0A9B}" type="presOf" srcId="{5507D12B-60EE-498E-A67B-947298E06E28}" destId="{1B11F96A-C79D-4191-9081-91156DB29B94}" srcOrd="0" destOrd="0" presId="urn:microsoft.com/office/officeart/2005/8/layout/vList5"/>
    <dgm:cxn modelId="{D3A0C18C-F1EC-4171-B9F7-F319FE848A95}" type="presOf" srcId="{406C1898-F23A-4664-8F62-33A65988272D}" destId="{172C1C0E-B168-49D5-96DB-F674CE18265B}" srcOrd="0" destOrd="0" presId="urn:microsoft.com/office/officeart/2005/8/layout/vList5"/>
    <dgm:cxn modelId="{71FA4B5E-9D9F-4713-9F5F-93179A6543EF}" type="presOf" srcId="{46D3FAE5-D1EB-4B6A-AE88-E880C43C9678}" destId="{BB3F643E-9438-455F-B0FA-5334984BB859}" srcOrd="0" destOrd="0" presId="urn:microsoft.com/office/officeart/2005/8/layout/vList5"/>
    <dgm:cxn modelId="{294FEAF9-C0AD-4001-ACCB-92FC54F485A8}" type="presParOf" srcId="{76E872CF-C0F1-4E41-AEAD-4CB6BFBC2607}" destId="{72D9F5F9-A093-4FB8-A5CE-A23EC8D44310}" srcOrd="0" destOrd="0" presId="urn:microsoft.com/office/officeart/2005/8/layout/vList5"/>
    <dgm:cxn modelId="{2FEA3F6F-940A-443B-86B0-A022710352BD}" type="presParOf" srcId="{72D9F5F9-A093-4FB8-A5CE-A23EC8D44310}" destId="{172C1C0E-B168-49D5-96DB-F674CE18265B}" srcOrd="0" destOrd="0" presId="urn:microsoft.com/office/officeart/2005/8/layout/vList5"/>
    <dgm:cxn modelId="{D568AA80-F216-4F06-9601-716D510137F7}" type="presParOf" srcId="{72D9F5F9-A093-4FB8-A5CE-A23EC8D44310}" destId="{02D33012-0304-4A47-844C-3B083B6DD1CB}" srcOrd="1" destOrd="0" presId="urn:microsoft.com/office/officeart/2005/8/layout/vList5"/>
    <dgm:cxn modelId="{E9C77D31-95D0-4EAA-AC5E-C6DAF1711092}" type="presParOf" srcId="{76E872CF-C0F1-4E41-AEAD-4CB6BFBC2607}" destId="{191341BA-A27B-4451-8810-C99C406A8D3A}" srcOrd="1" destOrd="0" presId="urn:microsoft.com/office/officeart/2005/8/layout/vList5"/>
    <dgm:cxn modelId="{3905A821-B0B4-4403-98D2-7C2572C87BD8}" type="presParOf" srcId="{76E872CF-C0F1-4E41-AEAD-4CB6BFBC2607}" destId="{9A607FCB-82B9-4256-8CDE-8147C97F9B59}" srcOrd="2" destOrd="0" presId="urn:microsoft.com/office/officeart/2005/8/layout/vList5"/>
    <dgm:cxn modelId="{75F77398-387B-4F15-AE19-ED79958F85FE}" type="presParOf" srcId="{9A607FCB-82B9-4256-8CDE-8147C97F9B59}" destId="{BB3F643E-9438-455F-B0FA-5334984BB859}" srcOrd="0" destOrd="0" presId="urn:microsoft.com/office/officeart/2005/8/layout/vList5"/>
    <dgm:cxn modelId="{44DF57FB-1CE5-44F9-918A-145C6036CD54}" type="presParOf" srcId="{9A607FCB-82B9-4256-8CDE-8147C97F9B59}" destId="{AE2725FB-B338-4C66-9F99-286F173EB9B2}" srcOrd="1" destOrd="0" presId="urn:microsoft.com/office/officeart/2005/8/layout/vList5"/>
    <dgm:cxn modelId="{C70FA72C-8C7C-419D-9ACA-F9E2B5FC1132}" type="presParOf" srcId="{76E872CF-C0F1-4E41-AEAD-4CB6BFBC2607}" destId="{7EDE567C-4039-4E69-AF41-E0F0E43E0CC8}" srcOrd="3" destOrd="0" presId="urn:microsoft.com/office/officeart/2005/8/layout/vList5"/>
    <dgm:cxn modelId="{71574504-948E-431D-B720-A3E97D287418}" type="presParOf" srcId="{76E872CF-C0F1-4E41-AEAD-4CB6BFBC2607}" destId="{03A6550C-B84E-443D-A76C-F57C44E0AE20}" srcOrd="4" destOrd="0" presId="urn:microsoft.com/office/officeart/2005/8/layout/vList5"/>
    <dgm:cxn modelId="{B9D578AF-584C-4731-BE99-AAAD5E0FE23D}" type="presParOf" srcId="{03A6550C-B84E-443D-A76C-F57C44E0AE20}" destId="{097BC1B8-44F1-4AD4-AEAA-BB20BBC07F7F}" srcOrd="0" destOrd="0" presId="urn:microsoft.com/office/officeart/2005/8/layout/vList5"/>
    <dgm:cxn modelId="{E36A2D6A-F4B7-42CE-B981-090F96A730F4}" type="presParOf" srcId="{03A6550C-B84E-443D-A76C-F57C44E0AE20}" destId="{0091625C-5BEE-432B-A2D0-02CC52EE0590}" srcOrd="1" destOrd="0" presId="urn:microsoft.com/office/officeart/2005/8/layout/vList5"/>
    <dgm:cxn modelId="{F80B4570-7F8A-44E3-B930-569BE13EFFCA}" type="presParOf" srcId="{76E872CF-C0F1-4E41-AEAD-4CB6BFBC2607}" destId="{C2F0F84C-BE09-4455-82B2-E5B84D58DD14}" srcOrd="5" destOrd="0" presId="urn:microsoft.com/office/officeart/2005/8/layout/vList5"/>
    <dgm:cxn modelId="{00BE9F09-E225-49EB-8208-BB5DBC2080B6}" type="presParOf" srcId="{76E872CF-C0F1-4E41-AEAD-4CB6BFBC2607}" destId="{0BFF31DD-38C5-4957-ABC0-D6EEE9495B1C}" srcOrd="6" destOrd="0" presId="urn:microsoft.com/office/officeart/2005/8/layout/vList5"/>
    <dgm:cxn modelId="{AE515502-A6F1-4D7B-BB97-7ED55DB77539}" type="presParOf" srcId="{0BFF31DD-38C5-4957-ABC0-D6EEE9495B1C}" destId="{1B11F96A-C79D-4191-9081-91156DB29B94}" srcOrd="0" destOrd="0" presId="urn:microsoft.com/office/officeart/2005/8/layout/vList5"/>
    <dgm:cxn modelId="{E0D248FF-EC45-4084-8769-832D9B6C2C7F}" type="presParOf" srcId="{0BFF31DD-38C5-4957-ABC0-D6EEE9495B1C}" destId="{54D546A3-365B-4B49-B1C6-82A8553F66A6}" srcOrd="1" destOrd="0" presId="urn:microsoft.com/office/officeart/2005/8/layout/vList5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10.xml><?xml version="1.0" encoding="utf-8"?>
<dgm:dataModel xmlns:dgm="http://schemas.openxmlformats.org/drawingml/2006/diagram" xmlns:a="http://schemas.openxmlformats.org/drawingml/2006/main">
  <dgm:ptLst>
    <dgm:pt modelId="{B6A54C87-2104-46D1-9C3C-D3040B19FD36}" type="doc">
      <dgm:prSet loTypeId="urn:microsoft.com/office/officeart/2005/8/layout/chevron2" loCatId="list" qsTypeId="urn:microsoft.com/office/officeart/2005/8/quickstyle/simple1" qsCatId="simple" csTypeId="urn:microsoft.com/office/officeart/2005/8/colors/colorful3" csCatId="colorful" phldr="1"/>
      <dgm:spPr/>
      <dgm:t>
        <a:bodyPr/>
        <a:lstStyle/>
        <a:p>
          <a:endParaRPr lang="ru-RU"/>
        </a:p>
      </dgm:t>
    </dgm:pt>
    <dgm:pt modelId="{12323D45-151A-4137-BDC1-6E4CD0C0D37F}">
      <dgm:prSet phldrT="[Текст]" phldr="1"/>
      <dgm:spPr/>
      <dgm:t>
        <a:bodyPr/>
        <a:lstStyle/>
        <a:p>
          <a:endParaRPr lang="ru-RU" b="1" dirty="0">
            <a:solidFill>
              <a:srgbClr val="0843B8"/>
            </a:solidFill>
          </a:endParaRPr>
        </a:p>
      </dgm:t>
    </dgm:pt>
    <dgm:pt modelId="{4A655CF1-1CE7-4DAF-8230-65B528099A5A}" type="parTrans" cxnId="{9D268551-581A-44DB-ABD9-64847BBFF641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D30E685A-18C6-439C-BBB8-C7D0209232FB}" type="sibTrans" cxnId="{9D268551-581A-44DB-ABD9-64847BBFF641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6CCACBB6-F639-4B28-B5A0-03860A7A4605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Сформулированы цели и задачи обучения на курсе</a:t>
          </a:r>
          <a:endParaRPr lang="ru-RU" b="1" dirty="0">
            <a:solidFill>
              <a:srgbClr val="0843B8"/>
            </a:solidFill>
          </a:endParaRPr>
        </a:p>
      </dgm:t>
    </dgm:pt>
    <dgm:pt modelId="{DA9D9DBD-BC25-43BC-9FD0-D555A7525F9F}" type="parTrans" cxnId="{4232B728-C20D-4F1A-B310-7726F8C1F3F1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EAC68896-84DA-4B04-BBB0-32DA54723C57}" type="sibTrans" cxnId="{4232B728-C20D-4F1A-B310-7726F8C1F3F1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8152B1CB-62D7-46A1-B003-465945A407D1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Разработана программа курса и составлен сценарий курса</a:t>
          </a:r>
          <a:endParaRPr lang="ru-RU" b="1" dirty="0">
            <a:solidFill>
              <a:srgbClr val="0843B8"/>
            </a:solidFill>
          </a:endParaRPr>
        </a:p>
      </dgm:t>
    </dgm:pt>
    <dgm:pt modelId="{C5C9DE8C-1F47-4FA2-ACC1-75245F8FCF7B}" type="parTrans" cxnId="{8E0F94B6-DFD8-401C-9479-C111B318FE50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04FD193A-BF68-401F-82FD-604532E374E2}" type="sibTrans" cxnId="{8E0F94B6-DFD8-401C-9479-C111B318FE50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0FFF60D2-10BE-4E41-925D-73A7919430CD}">
      <dgm:prSet phldrT="[Текст]" phldr="1"/>
      <dgm:spPr/>
      <dgm:t>
        <a:bodyPr/>
        <a:lstStyle/>
        <a:p>
          <a:endParaRPr lang="ru-RU" b="1" dirty="0">
            <a:solidFill>
              <a:srgbClr val="0843B8"/>
            </a:solidFill>
          </a:endParaRPr>
        </a:p>
      </dgm:t>
    </dgm:pt>
    <dgm:pt modelId="{3FC8F98D-91F1-4884-9DF4-76C4EFEE9945}" type="parTrans" cxnId="{F58D746C-5223-4089-B187-278922CEDA8E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86CDFC83-CC45-4E60-A1D8-2FF23C38E872}" type="sibTrans" cxnId="{F58D746C-5223-4089-B187-278922CEDA8E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1AC83028-8AF8-41BA-9661-76E2E4AEDACD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Выбран оптимальный формат обучения и технические средства</a:t>
          </a:r>
          <a:endParaRPr lang="ru-RU" b="1" dirty="0">
            <a:solidFill>
              <a:srgbClr val="0843B8"/>
            </a:solidFill>
          </a:endParaRPr>
        </a:p>
      </dgm:t>
    </dgm:pt>
    <dgm:pt modelId="{C02C1549-4626-485B-846A-329E7DDB41AD}" type="parTrans" cxnId="{1491943F-43F1-4596-A23D-582384430BB4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1016C86B-953C-4AE2-B31F-F7A703BED72D}" type="sibTrans" cxnId="{1491943F-43F1-4596-A23D-582384430BB4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29FA930B-EC77-48CB-9C83-35EDB399DE55}">
      <dgm:prSet phldrT="[Текст]" phldr="1"/>
      <dgm:spPr/>
      <dgm:t>
        <a:bodyPr/>
        <a:lstStyle/>
        <a:p>
          <a:endParaRPr lang="ru-RU" b="1" dirty="0">
            <a:solidFill>
              <a:srgbClr val="0843B8"/>
            </a:solidFill>
          </a:endParaRPr>
        </a:p>
      </dgm:t>
    </dgm:pt>
    <dgm:pt modelId="{6CC46E29-EFEB-4463-9DB8-F35343C5135E}" type="parTrans" cxnId="{1FF505EB-0BDF-49AF-82D0-43A0EFDD3F86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55AABF2B-11CD-4B45-8806-823B7F1F39C3}" type="sibTrans" cxnId="{1FF505EB-0BDF-49AF-82D0-43A0EFDD3F86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B9F4966A-A571-4E6D-81C9-D212F11BCA1C}">
      <dgm:prSet phldrT="[Текст]" phldr="1"/>
      <dgm:spPr/>
      <dgm:t>
        <a:bodyPr/>
        <a:lstStyle/>
        <a:p>
          <a:endParaRPr lang="ru-RU" b="1" dirty="0">
            <a:solidFill>
              <a:srgbClr val="0843B8"/>
            </a:solidFill>
          </a:endParaRPr>
        </a:p>
      </dgm:t>
    </dgm:pt>
    <dgm:pt modelId="{74964399-429C-4652-9075-C0373324AC10}" type="parTrans" cxnId="{D2A15712-D6B5-4075-A51D-DF85F2A94A3B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FB2EE727-F778-4B03-9AAA-74844C310646}" type="sibTrans" cxnId="{D2A15712-D6B5-4075-A51D-DF85F2A94A3B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16BA739C-9987-40F5-9CBB-A705897866B0}">
      <dgm:prSet phldrT="[Текст]" phldr="1"/>
      <dgm:spPr/>
      <dgm:t>
        <a:bodyPr/>
        <a:lstStyle/>
        <a:p>
          <a:endParaRPr lang="ru-RU" b="1" dirty="0">
            <a:solidFill>
              <a:srgbClr val="0843B8"/>
            </a:solidFill>
          </a:endParaRPr>
        </a:p>
      </dgm:t>
    </dgm:pt>
    <dgm:pt modelId="{AF50C85E-261E-4658-931D-990AB005B7DD}" type="parTrans" cxnId="{876EBD76-187C-40EF-AFE8-B9CF16D779E4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629B2104-B84E-42A4-835F-3CDF300B08AC}" type="sibTrans" cxnId="{876EBD76-187C-40EF-AFE8-B9CF16D779E4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F0E0087F-C258-4032-90AE-98BE52586E9D}">
      <dgm:prSet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Разработаны практические задания и кейсы для </a:t>
          </a:r>
          <a:r>
            <a:rPr lang="ru-RU" b="1" dirty="0" err="1" smtClean="0">
              <a:solidFill>
                <a:srgbClr val="0843B8"/>
              </a:solidFill>
            </a:rPr>
            <a:t>онлайн‑курса</a:t>
          </a:r>
          <a:endParaRPr lang="ru-RU" b="1" dirty="0">
            <a:solidFill>
              <a:srgbClr val="0843B8"/>
            </a:solidFill>
          </a:endParaRPr>
        </a:p>
      </dgm:t>
    </dgm:pt>
    <dgm:pt modelId="{0E777FB0-9BDB-4CCF-94AF-4CCB7FBDF3A8}" type="parTrans" cxnId="{0AECFAAC-8B08-436F-8DC0-F18B20C4EB5C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F04F6FA5-47E6-4847-A75D-00B7818C7621}" type="sibTrans" cxnId="{0AECFAAC-8B08-436F-8DC0-F18B20C4EB5C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C1509D0C-17D4-47F6-B755-E9E0A77F178B}">
      <dgm:prSet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Отработан навык работы с </a:t>
          </a:r>
          <a:r>
            <a:rPr lang="ru-RU" b="1" dirty="0" err="1" smtClean="0">
              <a:solidFill>
                <a:srgbClr val="0843B8"/>
              </a:solidFill>
            </a:rPr>
            <a:t>видеоконтентом</a:t>
          </a:r>
          <a:r>
            <a:rPr lang="ru-RU" b="1" dirty="0" smtClean="0">
              <a:solidFill>
                <a:srgbClr val="0843B8"/>
              </a:solidFill>
            </a:rPr>
            <a:t> </a:t>
          </a:r>
          <a:r>
            <a:rPr lang="ru-RU" b="1" dirty="0" smtClean="0">
              <a:solidFill>
                <a:srgbClr val="0843B8"/>
              </a:solidFill>
            </a:rPr>
            <a:t>и онлайн- трансляциями</a:t>
          </a:r>
          <a:endParaRPr lang="ru-RU" b="1" dirty="0">
            <a:solidFill>
              <a:srgbClr val="0843B8"/>
            </a:solidFill>
          </a:endParaRPr>
        </a:p>
      </dgm:t>
    </dgm:pt>
    <dgm:pt modelId="{C8365FD6-0BA9-465B-BF55-577E04D08F52}" type="parTrans" cxnId="{7EAC7E68-ECA3-497A-A951-7492F18E1876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419D2A98-56F9-4EF0-9FBF-ED40B43D760D}" type="sibTrans" cxnId="{7EAC7E68-ECA3-497A-A951-7492F18E1876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BBE3B772-7312-44BD-8617-DD0183C99BE7}">
      <dgm:prSet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Разработаны тесты для эффективной оценки знаний студентов</a:t>
          </a:r>
          <a:endParaRPr lang="ru-RU" b="1" dirty="0">
            <a:solidFill>
              <a:srgbClr val="0843B8"/>
            </a:solidFill>
          </a:endParaRPr>
        </a:p>
      </dgm:t>
    </dgm:pt>
    <dgm:pt modelId="{8BC80795-226B-4188-8BF4-A1B408B9E013}" type="parTrans" cxnId="{91E5DB00-7B92-4091-84CC-8AE16401715F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A013B590-3623-413E-AB1A-65B48A90A414}" type="sibTrans" cxnId="{91E5DB00-7B92-4091-84CC-8AE16401715F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30BBF32A-9D13-4A76-8861-2E35CC1BB7AF}">
      <dgm:prSet phldrT="[Текст]" phldr="1"/>
      <dgm:spPr/>
      <dgm:t>
        <a:bodyPr/>
        <a:lstStyle/>
        <a:p>
          <a:endParaRPr lang="ru-RU" b="1" dirty="0">
            <a:solidFill>
              <a:srgbClr val="0843B8"/>
            </a:solidFill>
          </a:endParaRPr>
        </a:p>
      </dgm:t>
    </dgm:pt>
    <dgm:pt modelId="{5AC886BD-2B23-4351-8AAA-B56DFEC80831}" type="sibTrans" cxnId="{34E27105-9096-4A7D-9534-DF6997AA816F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4DFDD659-40A8-45B6-93F4-80BEDBA5EB12}" type="parTrans" cxnId="{34E27105-9096-4A7D-9534-DF6997AA816F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5AF5FEBC-45EB-43B5-806F-8EB9E866F0AB}" type="pres">
      <dgm:prSet presAssocID="{B6A54C87-2104-46D1-9C3C-D3040B19FD36}" presName="linearFlow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ACFA6E8B-1216-4802-97D5-2AA97B53AAE5}" type="pres">
      <dgm:prSet presAssocID="{12323D45-151A-4137-BDC1-6E4CD0C0D37F}" presName="composite" presStyleCnt="0"/>
      <dgm:spPr/>
    </dgm:pt>
    <dgm:pt modelId="{CCDB5EB8-AA81-4F17-A172-2871ACD0225B}" type="pres">
      <dgm:prSet presAssocID="{12323D45-151A-4137-BDC1-6E4CD0C0D37F}" presName="parentText" presStyleLbl="alignNode1" presStyleIdx="0" presStyleCnt="6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E91C8901-BC3D-4703-AFFA-BC1438AEBE45}" type="pres">
      <dgm:prSet presAssocID="{12323D45-151A-4137-BDC1-6E4CD0C0D37F}" presName="descendantText" presStyleLbl="alignAcc1" presStyleIdx="0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0FAB275D-B4BB-4234-B802-A3234AE942B3}" type="pres">
      <dgm:prSet presAssocID="{D30E685A-18C6-439C-BBB8-C7D0209232FB}" presName="sp" presStyleCnt="0"/>
      <dgm:spPr/>
    </dgm:pt>
    <dgm:pt modelId="{F7C67198-5F78-4EA1-BF3B-88D19AE5C38D}" type="pres">
      <dgm:prSet presAssocID="{30BBF32A-9D13-4A76-8861-2E35CC1BB7AF}" presName="composite" presStyleCnt="0"/>
      <dgm:spPr/>
    </dgm:pt>
    <dgm:pt modelId="{75C05349-1940-44C2-80E1-A135AD07AF99}" type="pres">
      <dgm:prSet presAssocID="{30BBF32A-9D13-4A76-8861-2E35CC1BB7AF}" presName="parentText" presStyleLbl="alignNode1" presStyleIdx="1" presStyleCnt="6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7F874BCE-2128-47CF-B9B4-2989B2007B9A}" type="pres">
      <dgm:prSet presAssocID="{30BBF32A-9D13-4A76-8861-2E35CC1BB7AF}" presName="descendantText" presStyleLbl="alignAcc1" presStyleIdx="1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01442AD7-F93D-408A-B21F-C3F32C05CD2C}" type="pres">
      <dgm:prSet presAssocID="{5AC886BD-2B23-4351-8AAA-B56DFEC80831}" presName="sp" presStyleCnt="0"/>
      <dgm:spPr/>
    </dgm:pt>
    <dgm:pt modelId="{5730576A-46A2-4D25-A629-2A01140F0C2D}" type="pres">
      <dgm:prSet presAssocID="{0FFF60D2-10BE-4E41-925D-73A7919430CD}" presName="composite" presStyleCnt="0"/>
      <dgm:spPr/>
    </dgm:pt>
    <dgm:pt modelId="{358625AB-9394-4DA8-99F0-796D489BAB77}" type="pres">
      <dgm:prSet presAssocID="{0FFF60D2-10BE-4E41-925D-73A7919430CD}" presName="parentText" presStyleLbl="alignNode1" presStyleIdx="2" presStyleCnt="6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B6768326-A373-408D-B13D-000B00EAB454}" type="pres">
      <dgm:prSet presAssocID="{0FFF60D2-10BE-4E41-925D-73A7919430CD}" presName="descendantText" presStyleLbl="alignAcc1" presStyleIdx="2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30D96C1C-9D12-4618-8437-D4FB355CE628}" type="pres">
      <dgm:prSet presAssocID="{86CDFC83-CC45-4E60-A1D8-2FF23C38E872}" presName="sp" presStyleCnt="0"/>
      <dgm:spPr/>
    </dgm:pt>
    <dgm:pt modelId="{08E78ED0-469C-47BA-8EA1-A8068CBFDED1}" type="pres">
      <dgm:prSet presAssocID="{29FA930B-EC77-48CB-9C83-35EDB399DE55}" presName="composite" presStyleCnt="0"/>
      <dgm:spPr/>
    </dgm:pt>
    <dgm:pt modelId="{2AABA737-858E-4227-AB83-9D332E01724F}" type="pres">
      <dgm:prSet presAssocID="{29FA930B-EC77-48CB-9C83-35EDB399DE55}" presName="parentText" presStyleLbl="alignNode1" presStyleIdx="3" presStyleCnt="6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55CDC18D-5560-46E2-B14F-8BCEC449FCB8}" type="pres">
      <dgm:prSet presAssocID="{29FA930B-EC77-48CB-9C83-35EDB399DE55}" presName="descendantText" presStyleLbl="alignAcc1" presStyleIdx="3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545B98DE-8885-4C02-8060-3E35D7351D70}" type="pres">
      <dgm:prSet presAssocID="{55AABF2B-11CD-4B45-8806-823B7F1F39C3}" presName="sp" presStyleCnt="0"/>
      <dgm:spPr/>
    </dgm:pt>
    <dgm:pt modelId="{62542E24-E390-4E79-B8E9-EE03711EF0B1}" type="pres">
      <dgm:prSet presAssocID="{B9F4966A-A571-4E6D-81C9-D212F11BCA1C}" presName="composite" presStyleCnt="0"/>
      <dgm:spPr/>
    </dgm:pt>
    <dgm:pt modelId="{ABA6DA8E-27C4-4A3E-BA7F-9737F66EFCE9}" type="pres">
      <dgm:prSet presAssocID="{B9F4966A-A571-4E6D-81C9-D212F11BCA1C}" presName="parentText" presStyleLbl="alignNode1" presStyleIdx="4" presStyleCnt="6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4E1972C7-C7BC-4E8B-AB38-2A4E74A7EF42}" type="pres">
      <dgm:prSet presAssocID="{B9F4966A-A571-4E6D-81C9-D212F11BCA1C}" presName="descendantText" presStyleLbl="alignAcc1" presStyleIdx="4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5F837991-1EBB-46CC-B67F-EA8AD90ACDC6}" type="pres">
      <dgm:prSet presAssocID="{FB2EE727-F778-4B03-9AAA-74844C310646}" presName="sp" presStyleCnt="0"/>
      <dgm:spPr/>
    </dgm:pt>
    <dgm:pt modelId="{C675B2F5-FE84-4617-8C0F-57FB09A245A6}" type="pres">
      <dgm:prSet presAssocID="{16BA739C-9987-40F5-9CBB-A705897866B0}" presName="composite" presStyleCnt="0"/>
      <dgm:spPr/>
    </dgm:pt>
    <dgm:pt modelId="{B0B441DC-FC9B-4A73-8C33-746D41F90FCE}" type="pres">
      <dgm:prSet presAssocID="{16BA739C-9987-40F5-9CBB-A705897866B0}" presName="parentText" presStyleLbl="alignNode1" presStyleIdx="5" presStyleCnt="6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81279500-A837-49D9-B9CC-F634CDB86D55}" type="pres">
      <dgm:prSet presAssocID="{16BA739C-9987-40F5-9CBB-A705897866B0}" presName="descendantText" presStyleLbl="alignAcc1" presStyleIdx="5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1FF505EB-0BDF-49AF-82D0-43A0EFDD3F86}" srcId="{B6A54C87-2104-46D1-9C3C-D3040B19FD36}" destId="{29FA930B-EC77-48CB-9C83-35EDB399DE55}" srcOrd="3" destOrd="0" parTransId="{6CC46E29-EFEB-4463-9DB8-F35343C5135E}" sibTransId="{55AABF2B-11CD-4B45-8806-823B7F1F39C3}"/>
    <dgm:cxn modelId="{876EBD76-187C-40EF-AFE8-B9CF16D779E4}" srcId="{B6A54C87-2104-46D1-9C3C-D3040B19FD36}" destId="{16BA739C-9987-40F5-9CBB-A705897866B0}" srcOrd="5" destOrd="0" parTransId="{AF50C85E-261E-4658-931D-990AB005B7DD}" sibTransId="{629B2104-B84E-42A4-835F-3CDF300B08AC}"/>
    <dgm:cxn modelId="{AC6EC385-2C26-4D33-89C3-AAD2C34B21DC}" type="presOf" srcId="{C1509D0C-17D4-47F6-B755-E9E0A77F178B}" destId="{4E1972C7-C7BC-4E8B-AB38-2A4E74A7EF42}" srcOrd="0" destOrd="0" presId="urn:microsoft.com/office/officeart/2005/8/layout/chevron2"/>
    <dgm:cxn modelId="{285F0E94-F7D1-4621-A23F-B73D65A83F1C}" type="presOf" srcId="{B6A54C87-2104-46D1-9C3C-D3040B19FD36}" destId="{5AF5FEBC-45EB-43B5-806F-8EB9E866F0AB}" srcOrd="0" destOrd="0" presId="urn:microsoft.com/office/officeart/2005/8/layout/chevron2"/>
    <dgm:cxn modelId="{0E9E3F8D-3CAE-4786-846E-E570CB9C1660}" type="presOf" srcId="{0FFF60D2-10BE-4E41-925D-73A7919430CD}" destId="{358625AB-9394-4DA8-99F0-796D489BAB77}" srcOrd="0" destOrd="0" presId="urn:microsoft.com/office/officeart/2005/8/layout/chevron2"/>
    <dgm:cxn modelId="{1ECDAA0A-C48A-4E92-B490-305FFFCD1F90}" type="presOf" srcId="{29FA930B-EC77-48CB-9C83-35EDB399DE55}" destId="{2AABA737-858E-4227-AB83-9D332E01724F}" srcOrd="0" destOrd="0" presId="urn:microsoft.com/office/officeart/2005/8/layout/chevron2"/>
    <dgm:cxn modelId="{D2A15712-D6B5-4075-A51D-DF85F2A94A3B}" srcId="{B6A54C87-2104-46D1-9C3C-D3040B19FD36}" destId="{B9F4966A-A571-4E6D-81C9-D212F11BCA1C}" srcOrd="4" destOrd="0" parTransId="{74964399-429C-4652-9075-C0373324AC10}" sibTransId="{FB2EE727-F778-4B03-9AAA-74844C310646}"/>
    <dgm:cxn modelId="{4232B728-C20D-4F1A-B310-7726F8C1F3F1}" srcId="{12323D45-151A-4137-BDC1-6E4CD0C0D37F}" destId="{6CCACBB6-F639-4B28-B5A0-03860A7A4605}" srcOrd="0" destOrd="0" parTransId="{DA9D9DBD-BC25-43BC-9FD0-D555A7525F9F}" sibTransId="{EAC68896-84DA-4B04-BBB0-32DA54723C57}"/>
    <dgm:cxn modelId="{34E27105-9096-4A7D-9534-DF6997AA816F}" srcId="{B6A54C87-2104-46D1-9C3C-D3040B19FD36}" destId="{30BBF32A-9D13-4A76-8861-2E35CC1BB7AF}" srcOrd="1" destOrd="0" parTransId="{4DFDD659-40A8-45B6-93F4-80BEDBA5EB12}" sibTransId="{5AC886BD-2B23-4351-8AAA-B56DFEC80831}"/>
    <dgm:cxn modelId="{32593F7E-7314-4AB3-8356-4E7C64A2E36E}" type="presOf" srcId="{16BA739C-9987-40F5-9CBB-A705897866B0}" destId="{B0B441DC-FC9B-4A73-8C33-746D41F90FCE}" srcOrd="0" destOrd="0" presId="urn:microsoft.com/office/officeart/2005/8/layout/chevron2"/>
    <dgm:cxn modelId="{9D268551-581A-44DB-ABD9-64847BBFF641}" srcId="{B6A54C87-2104-46D1-9C3C-D3040B19FD36}" destId="{12323D45-151A-4137-BDC1-6E4CD0C0D37F}" srcOrd="0" destOrd="0" parTransId="{4A655CF1-1CE7-4DAF-8230-65B528099A5A}" sibTransId="{D30E685A-18C6-439C-BBB8-C7D0209232FB}"/>
    <dgm:cxn modelId="{BA4F5AC7-83E5-4767-8FB2-61DD4F4D7FB7}" type="presOf" srcId="{1AC83028-8AF8-41BA-9661-76E2E4AEDACD}" destId="{B6768326-A373-408D-B13D-000B00EAB454}" srcOrd="0" destOrd="0" presId="urn:microsoft.com/office/officeart/2005/8/layout/chevron2"/>
    <dgm:cxn modelId="{0221E115-F15E-41F8-AC1C-17CE66A81BD9}" type="presOf" srcId="{B9F4966A-A571-4E6D-81C9-D212F11BCA1C}" destId="{ABA6DA8E-27C4-4A3E-BA7F-9737F66EFCE9}" srcOrd="0" destOrd="0" presId="urn:microsoft.com/office/officeart/2005/8/layout/chevron2"/>
    <dgm:cxn modelId="{1729AD20-FAF1-4606-ACA4-316DF57AF1FC}" type="presOf" srcId="{30BBF32A-9D13-4A76-8861-2E35CC1BB7AF}" destId="{75C05349-1940-44C2-80E1-A135AD07AF99}" srcOrd="0" destOrd="0" presId="urn:microsoft.com/office/officeart/2005/8/layout/chevron2"/>
    <dgm:cxn modelId="{91E5DB00-7B92-4091-84CC-8AE16401715F}" srcId="{16BA739C-9987-40F5-9CBB-A705897866B0}" destId="{BBE3B772-7312-44BD-8617-DD0183C99BE7}" srcOrd="0" destOrd="0" parTransId="{8BC80795-226B-4188-8BF4-A1B408B9E013}" sibTransId="{A013B590-3623-413E-AB1A-65B48A90A414}"/>
    <dgm:cxn modelId="{0A22323F-3D25-4B6C-9527-10EE953FD3A4}" type="presOf" srcId="{8152B1CB-62D7-46A1-B003-465945A407D1}" destId="{7F874BCE-2128-47CF-B9B4-2989B2007B9A}" srcOrd="0" destOrd="0" presId="urn:microsoft.com/office/officeart/2005/8/layout/chevron2"/>
    <dgm:cxn modelId="{8E0F94B6-DFD8-401C-9479-C111B318FE50}" srcId="{30BBF32A-9D13-4A76-8861-2E35CC1BB7AF}" destId="{8152B1CB-62D7-46A1-B003-465945A407D1}" srcOrd="0" destOrd="0" parTransId="{C5C9DE8C-1F47-4FA2-ACC1-75245F8FCF7B}" sibTransId="{04FD193A-BF68-401F-82FD-604532E374E2}"/>
    <dgm:cxn modelId="{F58D746C-5223-4089-B187-278922CEDA8E}" srcId="{B6A54C87-2104-46D1-9C3C-D3040B19FD36}" destId="{0FFF60D2-10BE-4E41-925D-73A7919430CD}" srcOrd="2" destOrd="0" parTransId="{3FC8F98D-91F1-4884-9DF4-76C4EFEE9945}" sibTransId="{86CDFC83-CC45-4E60-A1D8-2FF23C38E872}"/>
    <dgm:cxn modelId="{E5233F9A-AA8F-4AE5-8EB7-98647B7C4371}" type="presOf" srcId="{6CCACBB6-F639-4B28-B5A0-03860A7A4605}" destId="{E91C8901-BC3D-4703-AFFA-BC1438AEBE45}" srcOrd="0" destOrd="0" presId="urn:microsoft.com/office/officeart/2005/8/layout/chevron2"/>
    <dgm:cxn modelId="{A2D996FE-D42C-4556-AB93-B2B1D00DD1F2}" type="presOf" srcId="{12323D45-151A-4137-BDC1-6E4CD0C0D37F}" destId="{CCDB5EB8-AA81-4F17-A172-2871ACD0225B}" srcOrd="0" destOrd="0" presId="urn:microsoft.com/office/officeart/2005/8/layout/chevron2"/>
    <dgm:cxn modelId="{7D789B40-B56E-422F-9ACB-50E90C1F0029}" type="presOf" srcId="{BBE3B772-7312-44BD-8617-DD0183C99BE7}" destId="{81279500-A837-49D9-B9CC-F634CDB86D55}" srcOrd="0" destOrd="0" presId="urn:microsoft.com/office/officeart/2005/8/layout/chevron2"/>
    <dgm:cxn modelId="{5DDC390C-8643-4E8B-97B7-7EA7CBFF235A}" type="presOf" srcId="{F0E0087F-C258-4032-90AE-98BE52586E9D}" destId="{55CDC18D-5560-46E2-B14F-8BCEC449FCB8}" srcOrd="0" destOrd="0" presId="urn:microsoft.com/office/officeart/2005/8/layout/chevron2"/>
    <dgm:cxn modelId="{7EAC7E68-ECA3-497A-A951-7492F18E1876}" srcId="{B9F4966A-A571-4E6D-81C9-D212F11BCA1C}" destId="{C1509D0C-17D4-47F6-B755-E9E0A77F178B}" srcOrd="0" destOrd="0" parTransId="{C8365FD6-0BA9-465B-BF55-577E04D08F52}" sibTransId="{419D2A98-56F9-4EF0-9FBF-ED40B43D760D}"/>
    <dgm:cxn modelId="{0AECFAAC-8B08-436F-8DC0-F18B20C4EB5C}" srcId="{29FA930B-EC77-48CB-9C83-35EDB399DE55}" destId="{F0E0087F-C258-4032-90AE-98BE52586E9D}" srcOrd="0" destOrd="0" parTransId="{0E777FB0-9BDB-4CCF-94AF-4CCB7FBDF3A8}" sibTransId="{F04F6FA5-47E6-4847-A75D-00B7818C7621}"/>
    <dgm:cxn modelId="{1491943F-43F1-4596-A23D-582384430BB4}" srcId="{0FFF60D2-10BE-4E41-925D-73A7919430CD}" destId="{1AC83028-8AF8-41BA-9661-76E2E4AEDACD}" srcOrd="0" destOrd="0" parTransId="{C02C1549-4626-485B-846A-329E7DDB41AD}" sibTransId="{1016C86B-953C-4AE2-B31F-F7A703BED72D}"/>
    <dgm:cxn modelId="{D401926C-1D27-40AB-AAC3-7424E52E7AD4}" type="presParOf" srcId="{5AF5FEBC-45EB-43B5-806F-8EB9E866F0AB}" destId="{ACFA6E8B-1216-4802-97D5-2AA97B53AAE5}" srcOrd="0" destOrd="0" presId="urn:microsoft.com/office/officeart/2005/8/layout/chevron2"/>
    <dgm:cxn modelId="{FB332AE7-9982-416B-87D8-45D991170BD1}" type="presParOf" srcId="{ACFA6E8B-1216-4802-97D5-2AA97B53AAE5}" destId="{CCDB5EB8-AA81-4F17-A172-2871ACD0225B}" srcOrd="0" destOrd="0" presId="urn:microsoft.com/office/officeart/2005/8/layout/chevron2"/>
    <dgm:cxn modelId="{0EB0D3DC-0371-4F64-87EA-588F1747428A}" type="presParOf" srcId="{ACFA6E8B-1216-4802-97D5-2AA97B53AAE5}" destId="{E91C8901-BC3D-4703-AFFA-BC1438AEBE45}" srcOrd="1" destOrd="0" presId="urn:microsoft.com/office/officeart/2005/8/layout/chevron2"/>
    <dgm:cxn modelId="{CB106532-7580-4D19-ABC0-721D44B99CC9}" type="presParOf" srcId="{5AF5FEBC-45EB-43B5-806F-8EB9E866F0AB}" destId="{0FAB275D-B4BB-4234-B802-A3234AE942B3}" srcOrd="1" destOrd="0" presId="urn:microsoft.com/office/officeart/2005/8/layout/chevron2"/>
    <dgm:cxn modelId="{F6E53F5C-2B43-4E64-9DF8-675CA002B180}" type="presParOf" srcId="{5AF5FEBC-45EB-43B5-806F-8EB9E866F0AB}" destId="{F7C67198-5F78-4EA1-BF3B-88D19AE5C38D}" srcOrd="2" destOrd="0" presId="urn:microsoft.com/office/officeart/2005/8/layout/chevron2"/>
    <dgm:cxn modelId="{773F4634-66B7-4131-82F1-10535B5EA88F}" type="presParOf" srcId="{F7C67198-5F78-4EA1-BF3B-88D19AE5C38D}" destId="{75C05349-1940-44C2-80E1-A135AD07AF99}" srcOrd="0" destOrd="0" presId="urn:microsoft.com/office/officeart/2005/8/layout/chevron2"/>
    <dgm:cxn modelId="{D65B6E95-139F-40F0-B4B6-EC479F3E7E11}" type="presParOf" srcId="{F7C67198-5F78-4EA1-BF3B-88D19AE5C38D}" destId="{7F874BCE-2128-47CF-B9B4-2989B2007B9A}" srcOrd="1" destOrd="0" presId="urn:microsoft.com/office/officeart/2005/8/layout/chevron2"/>
    <dgm:cxn modelId="{8C1F6D1A-31DD-4939-B0B9-E115C581BE22}" type="presParOf" srcId="{5AF5FEBC-45EB-43B5-806F-8EB9E866F0AB}" destId="{01442AD7-F93D-408A-B21F-C3F32C05CD2C}" srcOrd="3" destOrd="0" presId="urn:microsoft.com/office/officeart/2005/8/layout/chevron2"/>
    <dgm:cxn modelId="{D4AB71D2-0C33-44A9-8ED4-5E3D2278C1FB}" type="presParOf" srcId="{5AF5FEBC-45EB-43B5-806F-8EB9E866F0AB}" destId="{5730576A-46A2-4D25-A629-2A01140F0C2D}" srcOrd="4" destOrd="0" presId="urn:microsoft.com/office/officeart/2005/8/layout/chevron2"/>
    <dgm:cxn modelId="{6CE62641-7296-49BC-B180-EEF58ACD19AB}" type="presParOf" srcId="{5730576A-46A2-4D25-A629-2A01140F0C2D}" destId="{358625AB-9394-4DA8-99F0-796D489BAB77}" srcOrd="0" destOrd="0" presId="urn:microsoft.com/office/officeart/2005/8/layout/chevron2"/>
    <dgm:cxn modelId="{5539F8C5-8762-4302-A146-3FD2DF1FB094}" type="presParOf" srcId="{5730576A-46A2-4D25-A629-2A01140F0C2D}" destId="{B6768326-A373-408D-B13D-000B00EAB454}" srcOrd="1" destOrd="0" presId="urn:microsoft.com/office/officeart/2005/8/layout/chevron2"/>
    <dgm:cxn modelId="{B316A552-B75D-45B9-9212-818CE0F883FA}" type="presParOf" srcId="{5AF5FEBC-45EB-43B5-806F-8EB9E866F0AB}" destId="{30D96C1C-9D12-4618-8437-D4FB355CE628}" srcOrd="5" destOrd="0" presId="urn:microsoft.com/office/officeart/2005/8/layout/chevron2"/>
    <dgm:cxn modelId="{2679F979-8787-4AA6-A432-A76EB90869A1}" type="presParOf" srcId="{5AF5FEBC-45EB-43B5-806F-8EB9E866F0AB}" destId="{08E78ED0-469C-47BA-8EA1-A8068CBFDED1}" srcOrd="6" destOrd="0" presId="urn:microsoft.com/office/officeart/2005/8/layout/chevron2"/>
    <dgm:cxn modelId="{06E3BD60-290D-4B3B-BFB4-20A56503CF6A}" type="presParOf" srcId="{08E78ED0-469C-47BA-8EA1-A8068CBFDED1}" destId="{2AABA737-858E-4227-AB83-9D332E01724F}" srcOrd="0" destOrd="0" presId="urn:microsoft.com/office/officeart/2005/8/layout/chevron2"/>
    <dgm:cxn modelId="{81E0FF3C-1FB3-4461-99EA-20CF87A8E0AA}" type="presParOf" srcId="{08E78ED0-469C-47BA-8EA1-A8068CBFDED1}" destId="{55CDC18D-5560-46E2-B14F-8BCEC449FCB8}" srcOrd="1" destOrd="0" presId="urn:microsoft.com/office/officeart/2005/8/layout/chevron2"/>
    <dgm:cxn modelId="{5D5119FA-8A6E-4E86-9841-133633837421}" type="presParOf" srcId="{5AF5FEBC-45EB-43B5-806F-8EB9E866F0AB}" destId="{545B98DE-8885-4C02-8060-3E35D7351D70}" srcOrd="7" destOrd="0" presId="urn:microsoft.com/office/officeart/2005/8/layout/chevron2"/>
    <dgm:cxn modelId="{B0CA85C8-3B64-4B04-9C9B-73638FF315A2}" type="presParOf" srcId="{5AF5FEBC-45EB-43B5-806F-8EB9E866F0AB}" destId="{62542E24-E390-4E79-B8E9-EE03711EF0B1}" srcOrd="8" destOrd="0" presId="urn:microsoft.com/office/officeart/2005/8/layout/chevron2"/>
    <dgm:cxn modelId="{5CC24984-B92B-45D7-AEC8-1FE50557AA7A}" type="presParOf" srcId="{62542E24-E390-4E79-B8E9-EE03711EF0B1}" destId="{ABA6DA8E-27C4-4A3E-BA7F-9737F66EFCE9}" srcOrd="0" destOrd="0" presId="urn:microsoft.com/office/officeart/2005/8/layout/chevron2"/>
    <dgm:cxn modelId="{0F0B5A50-A1A1-4676-8968-7FC6204A6052}" type="presParOf" srcId="{62542E24-E390-4E79-B8E9-EE03711EF0B1}" destId="{4E1972C7-C7BC-4E8B-AB38-2A4E74A7EF42}" srcOrd="1" destOrd="0" presId="urn:microsoft.com/office/officeart/2005/8/layout/chevron2"/>
    <dgm:cxn modelId="{9D7C0BCE-3F47-415F-8026-0D735231F613}" type="presParOf" srcId="{5AF5FEBC-45EB-43B5-806F-8EB9E866F0AB}" destId="{5F837991-1EBB-46CC-B67F-EA8AD90ACDC6}" srcOrd="9" destOrd="0" presId="urn:microsoft.com/office/officeart/2005/8/layout/chevron2"/>
    <dgm:cxn modelId="{919145AE-CE86-401D-B4E3-EFFF1373BA9E}" type="presParOf" srcId="{5AF5FEBC-45EB-43B5-806F-8EB9E866F0AB}" destId="{C675B2F5-FE84-4617-8C0F-57FB09A245A6}" srcOrd="10" destOrd="0" presId="urn:microsoft.com/office/officeart/2005/8/layout/chevron2"/>
    <dgm:cxn modelId="{69618E3F-D2D0-4301-B3D1-70037DC0CD8F}" type="presParOf" srcId="{C675B2F5-FE84-4617-8C0F-57FB09A245A6}" destId="{B0B441DC-FC9B-4A73-8C33-746D41F90FCE}" srcOrd="0" destOrd="0" presId="urn:microsoft.com/office/officeart/2005/8/layout/chevron2"/>
    <dgm:cxn modelId="{CA21960D-49DA-4677-80F1-E5C754ED1429}" type="presParOf" srcId="{C675B2F5-FE84-4617-8C0F-57FB09A245A6}" destId="{81279500-A837-49D9-B9CC-F634CDB86D55}" srcOrd="1" destOrd="0" presId="urn:microsoft.com/office/officeart/2005/8/layout/chevron2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11.xml><?xml version="1.0" encoding="utf-8"?>
<dgm:dataModel xmlns:dgm="http://schemas.openxmlformats.org/drawingml/2006/diagram" xmlns:a="http://schemas.openxmlformats.org/drawingml/2006/main">
  <dgm:ptLst>
    <dgm:pt modelId="{1320BFBA-468D-4258-B427-13D00FABFF2B}" type="doc">
      <dgm:prSet loTypeId="urn:microsoft.com/office/officeart/2005/8/layout/process4" loCatId="process" qsTypeId="urn:microsoft.com/office/officeart/2005/8/quickstyle/simple1" qsCatId="simple" csTypeId="urn:microsoft.com/office/officeart/2005/8/colors/accent3_3" csCatId="accent3" phldr="1"/>
      <dgm:spPr/>
      <dgm:t>
        <a:bodyPr/>
        <a:lstStyle/>
        <a:p>
          <a:endParaRPr lang="ru-RU"/>
        </a:p>
      </dgm:t>
    </dgm:pt>
    <dgm:pt modelId="{0E346120-328B-4376-B7A7-3078E277109E}">
      <dgm:prSet phldrT="[Текст]"/>
      <dgm:spPr/>
      <dgm:t>
        <a:bodyPr/>
        <a:lstStyle/>
        <a:p>
          <a:r>
            <a:rPr lang="ru-RU" dirty="0" smtClean="0"/>
            <a:t>Выбор аппаратуры и программного продукта</a:t>
          </a:r>
          <a:endParaRPr lang="ru-RU" dirty="0"/>
        </a:p>
      </dgm:t>
    </dgm:pt>
    <dgm:pt modelId="{31C0D172-E769-40B7-98DE-A7022CC2258A}" type="parTrans" cxnId="{731E918C-9D5D-497E-9327-D2800095B710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70EA6C06-4364-47D5-85F2-3256EAB474FB}" type="sibTrans" cxnId="{731E918C-9D5D-497E-9327-D2800095B710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18DF208B-25E0-4D18-942E-BAD8E4A926F3}">
      <dgm:prSet phldrT="[Текст]"/>
      <dgm:spPr/>
      <dgm:t>
        <a:bodyPr/>
        <a:lstStyle/>
        <a:p>
          <a:r>
            <a:rPr lang="ru-RU" dirty="0" smtClean="0"/>
            <a:t>Сценарий курса: текст, продумывается видеоряд</a:t>
          </a:r>
          <a:endParaRPr lang="ru-RU" dirty="0"/>
        </a:p>
      </dgm:t>
    </dgm:pt>
    <dgm:pt modelId="{821FDEF6-3A1D-4A1C-BA1D-B13BF12D5D34}" type="parTrans" cxnId="{F1D1DE64-8209-4439-9BF8-43D1A882AD25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7F2CF8B2-CB98-46F4-B84D-1FC8781B3726}" type="sibTrans" cxnId="{F1D1DE64-8209-4439-9BF8-43D1A882AD25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23BCF5A9-4CA2-45E9-9513-63921D401035}">
      <dgm:prSet phldrT="[Текст]"/>
      <dgm:spPr/>
      <dgm:t>
        <a:bodyPr/>
        <a:lstStyle/>
        <a:p>
          <a:r>
            <a:rPr lang="ru-RU" dirty="0" smtClean="0"/>
            <a:t>Запись звука</a:t>
          </a:r>
          <a:endParaRPr lang="ru-RU" dirty="0"/>
        </a:p>
      </dgm:t>
    </dgm:pt>
    <dgm:pt modelId="{A10C5076-B3AB-4EC9-9807-8FDA3BC68456}" type="parTrans" cxnId="{D29151B2-30C3-4B97-BCFC-DFD8BF1CAFE2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492248F5-D311-4647-9CE9-C5048995889D}" type="sibTrans" cxnId="{D29151B2-30C3-4B97-BCFC-DFD8BF1CAFE2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395089A8-D483-4E79-A02B-2DCC4CFDB7E7}">
      <dgm:prSet phldrT="[Текст]"/>
      <dgm:spPr/>
      <dgm:t>
        <a:bodyPr/>
        <a:lstStyle/>
        <a:p>
          <a:r>
            <a:rPr lang="ru-RU" dirty="0" smtClean="0"/>
            <a:t>Подготовка визуальной составляющей</a:t>
          </a:r>
          <a:endParaRPr lang="ru-RU" dirty="0"/>
        </a:p>
      </dgm:t>
    </dgm:pt>
    <dgm:pt modelId="{F27E4803-08E0-4514-8077-6E9862218CB7}" type="parTrans" cxnId="{1D85702B-3232-4C3B-954A-05133BDCB6C1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893C4F8E-F9CD-4CDD-BD2E-682925FCBF50}" type="sibTrans" cxnId="{1D85702B-3232-4C3B-954A-05133BDCB6C1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C428BE9F-D61A-41D6-AB8D-E1F8D4A46471}">
      <dgm:prSet phldrT="[Текст]"/>
      <dgm:spPr/>
      <dgm:t>
        <a:bodyPr/>
        <a:lstStyle/>
        <a:p>
          <a:r>
            <a:rPr lang="ru-RU" dirty="0" smtClean="0"/>
            <a:t>Сборка проекта: нарезка, синхронизация</a:t>
          </a:r>
          <a:endParaRPr lang="ru-RU" dirty="0"/>
        </a:p>
      </dgm:t>
    </dgm:pt>
    <dgm:pt modelId="{887A38F7-ECF9-47B8-897B-8D386F2321E3}" type="parTrans" cxnId="{4829127F-BD83-411F-B0F4-559F376FE7BF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79509597-52ED-42DE-B6CE-1D1281E84F4D}" type="sibTrans" cxnId="{4829127F-BD83-411F-B0F4-559F376FE7BF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2A869094-AAD9-4334-8DD5-F3D0C6EF2531}">
      <dgm:prSet phldrT="[Текст]"/>
      <dgm:spPr/>
      <dgm:t>
        <a:bodyPr/>
        <a:lstStyle/>
        <a:p>
          <a:r>
            <a:rPr lang="ru-RU" dirty="0" smtClean="0"/>
            <a:t>Выпуск и размещение на платформе</a:t>
          </a:r>
          <a:endParaRPr lang="ru-RU" dirty="0"/>
        </a:p>
      </dgm:t>
    </dgm:pt>
    <dgm:pt modelId="{216E4DA7-C0A9-456E-86D2-02EA6DA84C40}" type="parTrans" cxnId="{22A42A8B-F7DA-43FD-9A51-3BCA184FD449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28D2BCCA-39E4-4568-B530-0F98BBEF482A}" type="sibTrans" cxnId="{22A42A8B-F7DA-43FD-9A51-3BCA184FD449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09F66CFE-00E8-4380-8093-D4C3E975A1EB}" type="pres">
      <dgm:prSet presAssocID="{1320BFBA-468D-4258-B427-13D00FABFF2B}" presName="Name0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F1A4D390-A4ED-4B7F-A879-54842983C571}" type="pres">
      <dgm:prSet presAssocID="{2A869094-AAD9-4334-8DD5-F3D0C6EF2531}" presName="boxAndChildren" presStyleCnt="0"/>
      <dgm:spPr/>
    </dgm:pt>
    <dgm:pt modelId="{6822CEEA-CDDE-4807-86C8-8650323A3D72}" type="pres">
      <dgm:prSet presAssocID="{2A869094-AAD9-4334-8DD5-F3D0C6EF2531}" presName="parentTextBox" presStyleLbl="node1" presStyleIdx="0" presStyleCnt="6"/>
      <dgm:spPr/>
      <dgm:t>
        <a:bodyPr/>
        <a:lstStyle/>
        <a:p>
          <a:endParaRPr lang="ru-RU"/>
        </a:p>
      </dgm:t>
    </dgm:pt>
    <dgm:pt modelId="{260F4107-B8AB-40CC-94A3-5301F5466227}" type="pres">
      <dgm:prSet presAssocID="{79509597-52ED-42DE-B6CE-1D1281E84F4D}" presName="sp" presStyleCnt="0"/>
      <dgm:spPr/>
    </dgm:pt>
    <dgm:pt modelId="{1785B7CA-8E62-4755-AEDA-5CD665D62BDB}" type="pres">
      <dgm:prSet presAssocID="{C428BE9F-D61A-41D6-AB8D-E1F8D4A46471}" presName="arrowAndChildren" presStyleCnt="0"/>
      <dgm:spPr/>
    </dgm:pt>
    <dgm:pt modelId="{D3F0BE36-1059-4376-9FE3-FC515AC2AD0A}" type="pres">
      <dgm:prSet presAssocID="{C428BE9F-D61A-41D6-AB8D-E1F8D4A46471}" presName="parentTextArrow" presStyleLbl="node1" presStyleIdx="1" presStyleCnt="6"/>
      <dgm:spPr/>
      <dgm:t>
        <a:bodyPr/>
        <a:lstStyle/>
        <a:p>
          <a:endParaRPr lang="ru-RU"/>
        </a:p>
      </dgm:t>
    </dgm:pt>
    <dgm:pt modelId="{E5B6F22C-F771-4282-8936-7BE0C6AC76E0}" type="pres">
      <dgm:prSet presAssocID="{893C4F8E-F9CD-4CDD-BD2E-682925FCBF50}" presName="sp" presStyleCnt="0"/>
      <dgm:spPr/>
    </dgm:pt>
    <dgm:pt modelId="{E3B5A0C1-4AFA-4071-B778-4A9136392F4A}" type="pres">
      <dgm:prSet presAssocID="{395089A8-D483-4E79-A02B-2DCC4CFDB7E7}" presName="arrowAndChildren" presStyleCnt="0"/>
      <dgm:spPr/>
    </dgm:pt>
    <dgm:pt modelId="{4C449EC4-C470-456A-84C6-666ABD187E17}" type="pres">
      <dgm:prSet presAssocID="{395089A8-D483-4E79-A02B-2DCC4CFDB7E7}" presName="parentTextArrow" presStyleLbl="node1" presStyleIdx="2" presStyleCnt="6"/>
      <dgm:spPr/>
      <dgm:t>
        <a:bodyPr/>
        <a:lstStyle/>
        <a:p>
          <a:endParaRPr lang="ru-RU"/>
        </a:p>
      </dgm:t>
    </dgm:pt>
    <dgm:pt modelId="{7A7D61BA-F716-44B1-9EE3-29CC983C1AC7}" type="pres">
      <dgm:prSet presAssocID="{492248F5-D311-4647-9CE9-C5048995889D}" presName="sp" presStyleCnt="0"/>
      <dgm:spPr/>
    </dgm:pt>
    <dgm:pt modelId="{AF271EE5-AA34-4E17-BA0F-D54195CD8A73}" type="pres">
      <dgm:prSet presAssocID="{23BCF5A9-4CA2-45E9-9513-63921D401035}" presName="arrowAndChildren" presStyleCnt="0"/>
      <dgm:spPr/>
    </dgm:pt>
    <dgm:pt modelId="{D90E1CB1-0BFB-4CFE-8A56-B6D42DA52955}" type="pres">
      <dgm:prSet presAssocID="{23BCF5A9-4CA2-45E9-9513-63921D401035}" presName="parentTextArrow" presStyleLbl="node1" presStyleIdx="3" presStyleCnt="6"/>
      <dgm:spPr/>
      <dgm:t>
        <a:bodyPr/>
        <a:lstStyle/>
        <a:p>
          <a:endParaRPr lang="ru-RU"/>
        </a:p>
      </dgm:t>
    </dgm:pt>
    <dgm:pt modelId="{F9E327DB-9AF5-4453-879E-839FD1DC0127}" type="pres">
      <dgm:prSet presAssocID="{7F2CF8B2-CB98-46F4-B84D-1FC8781B3726}" presName="sp" presStyleCnt="0"/>
      <dgm:spPr/>
    </dgm:pt>
    <dgm:pt modelId="{0002F1FD-16DC-4DFB-847B-2CA1F966EDB4}" type="pres">
      <dgm:prSet presAssocID="{18DF208B-25E0-4D18-942E-BAD8E4A926F3}" presName="arrowAndChildren" presStyleCnt="0"/>
      <dgm:spPr/>
    </dgm:pt>
    <dgm:pt modelId="{58D41B4C-D32F-4036-913A-A0CF097432AD}" type="pres">
      <dgm:prSet presAssocID="{18DF208B-25E0-4D18-942E-BAD8E4A926F3}" presName="parentTextArrow" presStyleLbl="node1" presStyleIdx="4" presStyleCnt="6"/>
      <dgm:spPr/>
      <dgm:t>
        <a:bodyPr/>
        <a:lstStyle/>
        <a:p>
          <a:endParaRPr lang="ru-RU"/>
        </a:p>
      </dgm:t>
    </dgm:pt>
    <dgm:pt modelId="{7712D5E6-7758-41B8-BD30-094C8255AD40}" type="pres">
      <dgm:prSet presAssocID="{70EA6C06-4364-47D5-85F2-3256EAB474FB}" presName="sp" presStyleCnt="0"/>
      <dgm:spPr/>
    </dgm:pt>
    <dgm:pt modelId="{0F76E0E8-4803-494D-989A-839F4CB70898}" type="pres">
      <dgm:prSet presAssocID="{0E346120-328B-4376-B7A7-3078E277109E}" presName="arrowAndChildren" presStyleCnt="0"/>
      <dgm:spPr/>
    </dgm:pt>
    <dgm:pt modelId="{527A0C96-8C0D-4F4C-BE19-96AF98E553F4}" type="pres">
      <dgm:prSet presAssocID="{0E346120-328B-4376-B7A7-3078E277109E}" presName="parentTextArrow" presStyleLbl="node1" presStyleIdx="5" presStyleCnt="6"/>
      <dgm:spPr/>
      <dgm:t>
        <a:bodyPr/>
        <a:lstStyle/>
        <a:p>
          <a:endParaRPr lang="ru-RU"/>
        </a:p>
      </dgm:t>
    </dgm:pt>
  </dgm:ptLst>
  <dgm:cxnLst>
    <dgm:cxn modelId="{031A0CCE-5306-4828-A749-CA728B473FBD}" type="presOf" srcId="{1320BFBA-468D-4258-B427-13D00FABFF2B}" destId="{09F66CFE-00E8-4380-8093-D4C3E975A1EB}" srcOrd="0" destOrd="0" presId="urn:microsoft.com/office/officeart/2005/8/layout/process4"/>
    <dgm:cxn modelId="{F8E7E20D-7E5A-44B6-9E68-E25D51CD3251}" type="presOf" srcId="{2A869094-AAD9-4334-8DD5-F3D0C6EF2531}" destId="{6822CEEA-CDDE-4807-86C8-8650323A3D72}" srcOrd="0" destOrd="0" presId="urn:microsoft.com/office/officeart/2005/8/layout/process4"/>
    <dgm:cxn modelId="{22A42A8B-F7DA-43FD-9A51-3BCA184FD449}" srcId="{1320BFBA-468D-4258-B427-13D00FABFF2B}" destId="{2A869094-AAD9-4334-8DD5-F3D0C6EF2531}" srcOrd="5" destOrd="0" parTransId="{216E4DA7-C0A9-456E-86D2-02EA6DA84C40}" sibTransId="{28D2BCCA-39E4-4568-B530-0F98BBEF482A}"/>
    <dgm:cxn modelId="{29C6F87F-92B7-4170-A9D1-A9C6EB78B503}" type="presOf" srcId="{395089A8-D483-4E79-A02B-2DCC4CFDB7E7}" destId="{4C449EC4-C470-456A-84C6-666ABD187E17}" srcOrd="0" destOrd="0" presId="urn:microsoft.com/office/officeart/2005/8/layout/process4"/>
    <dgm:cxn modelId="{D50E3735-AB79-421B-86D3-ECF587B57516}" type="presOf" srcId="{C428BE9F-D61A-41D6-AB8D-E1F8D4A46471}" destId="{D3F0BE36-1059-4376-9FE3-FC515AC2AD0A}" srcOrd="0" destOrd="0" presId="urn:microsoft.com/office/officeart/2005/8/layout/process4"/>
    <dgm:cxn modelId="{E53D4E58-3C56-4F3E-BB2B-C96094038A7D}" type="presOf" srcId="{0E346120-328B-4376-B7A7-3078E277109E}" destId="{527A0C96-8C0D-4F4C-BE19-96AF98E553F4}" srcOrd="0" destOrd="0" presId="urn:microsoft.com/office/officeart/2005/8/layout/process4"/>
    <dgm:cxn modelId="{4829127F-BD83-411F-B0F4-559F376FE7BF}" srcId="{1320BFBA-468D-4258-B427-13D00FABFF2B}" destId="{C428BE9F-D61A-41D6-AB8D-E1F8D4A46471}" srcOrd="4" destOrd="0" parTransId="{887A38F7-ECF9-47B8-897B-8D386F2321E3}" sibTransId="{79509597-52ED-42DE-B6CE-1D1281E84F4D}"/>
    <dgm:cxn modelId="{F1D1DE64-8209-4439-9BF8-43D1A882AD25}" srcId="{1320BFBA-468D-4258-B427-13D00FABFF2B}" destId="{18DF208B-25E0-4D18-942E-BAD8E4A926F3}" srcOrd="1" destOrd="0" parTransId="{821FDEF6-3A1D-4A1C-BA1D-B13BF12D5D34}" sibTransId="{7F2CF8B2-CB98-46F4-B84D-1FC8781B3726}"/>
    <dgm:cxn modelId="{3E24F8BE-01CF-4AB9-BF9D-E9CA9B0B2B4F}" type="presOf" srcId="{23BCF5A9-4CA2-45E9-9513-63921D401035}" destId="{D90E1CB1-0BFB-4CFE-8A56-B6D42DA52955}" srcOrd="0" destOrd="0" presId="urn:microsoft.com/office/officeart/2005/8/layout/process4"/>
    <dgm:cxn modelId="{1D85702B-3232-4C3B-954A-05133BDCB6C1}" srcId="{1320BFBA-468D-4258-B427-13D00FABFF2B}" destId="{395089A8-D483-4E79-A02B-2DCC4CFDB7E7}" srcOrd="3" destOrd="0" parTransId="{F27E4803-08E0-4514-8077-6E9862218CB7}" sibTransId="{893C4F8E-F9CD-4CDD-BD2E-682925FCBF50}"/>
    <dgm:cxn modelId="{D29151B2-30C3-4B97-BCFC-DFD8BF1CAFE2}" srcId="{1320BFBA-468D-4258-B427-13D00FABFF2B}" destId="{23BCF5A9-4CA2-45E9-9513-63921D401035}" srcOrd="2" destOrd="0" parTransId="{A10C5076-B3AB-4EC9-9807-8FDA3BC68456}" sibTransId="{492248F5-D311-4647-9CE9-C5048995889D}"/>
    <dgm:cxn modelId="{731E918C-9D5D-497E-9327-D2800095B710}" srcId="{1320BFBA-468D-4258-B427-13D00FABFF2B}" destId="{0E346120-328B-4376-B7A7-3078E277109E}" srcOrd="0" destOrd="0" parTransId="{31C0D172-E769-40B7-98DE-A7022CC2258A}" sibTransId="{70EA6C06-4364-47D5-85F2-3256EAB474FB}"/>
    <dgm:cxn modelId="{5998D996-2A21-409C-8DD4-2D3E6844BF98}" type="presOf" srcId="{18DF208B-25E0-4D18-942E-BAD8E4A926F3}" destId="{58D41B4C-D32F-4036-913A-A0CF097432AD}" srcOrd="0" destOrd="0" presId="urn:microsoft.com/office/officeart/2005/8/layout/process4"/>
    <dgm:cxn modelId="{8E53810E-C9DE-4828-85BD-0CEA900A2D6A}" type="presParOf" srcId="{09F66CFE-00E8-4380-8093-D4C3E975A1EB}" destId="{F1A4D390-A4ED-4B7F-A879-54842983C571}" srcOrd="0" destOrd="0" presId="urn:microsoft.com/office/officeart/2005/8/layout/process4"/>
    <dgm:cxn modelId="{E6E10270-0CF3-4A90-8568-1C659A6149C8}" type="presParOf" srcId="{F1A4D390-A4ED-4B7F-A879-54842983C571}" destId="{6822CEEA-CDDE-4807-86C8-8650323A3D72}" srcOrd="0" destOrd="0" presId="urn:microsoft.com/office/officeart/2005/8/layout/process4"/>
    <dgm:cxn modelId="{D05F9A09-AFE0-4E54-A10C-9853B35F52F2}" type="presParOf" srcId="{09F66CFE-00E8-4380-8093-D4C3E975A1EB}" destId="{260F4107-B8AB-40CC-94A3-5301F5466227}" srcOrd="1" destOrd="0" presId="urn:microsoft.com/office/officeart/2005/8/layout/process4"/>
    <dgm:cxn modelId="{BFEC7EE1-7C5A-4952-9720-4EFF265DA349}" type="presParOf" srcId="{09F66CFE-00E8-4380-8093-D4C3E975A1EB}" destId="{1785B7CA-8E62-4755-AEDA-5CD665D62BDB}" srcOrd="2" destOrd="0" presId="urn:microsoft.com/office/officeart/2005/8/layout/process4"/>
    <dgm:cxn modelId="{830A18CE-135F-43FD-AABD-0A6A81BED6CC}" type="presParOf" srcId="{1785B7CA-8E62-4755-AEDA-5CD665D62BDB}" destId="{D3F0BE36-1059-4376-9FE3-FC515AC2AD0A}" srcOrd="0" destOrd="0" presId="urn:microsoft.com/office/officeart/2005/8/layout/process4"/>
    <dgm:cxn modelId="{3A5815D3-C101-4401-BCC6-B1833E2182FC}" type="presParOf" srcId="{09F66CFE-00E8-4380-8093-D4C3E975A1EB}" destId="{E5B6F22C-F771-4282-8936-7BE0C6AC76E0}" srcOrd="3" destOrd="0" presId="urn:microsoft.com/office/officeart/2005/8/layout/process4"/>
    <dgm:cxn modelId="{8DC91D7E-63C0-467B-9902-70F1DA595AE6}" type="presParOf" srcId="{09F66CFE-00E8-4380-8093-D4C3E975A1EB}" destId="{E3B5A0C1-4AFA-4071-B778-4A9136392F4A}" srcOrd="4" destOrd="0" presId="urn:microsoft.com/office/officeart/2005/8/layout/process4"/>
    <dgm:cxn modelId="{B35482F4-A0F0-4C07-94D9-3A6E641DC3F4}" type="presParOf" srcId="{E3B5A0C1-4AFA-4071-B778-4A9136392F4A}" destId="{4C449EC4-C470-456A-84C6-666ABD187E17}" srcOrd="0" destOrd="0" presId="urn:microsoft.com/office/officeart/2005/8/layout/process4"/>
    <dgm:cxn modelId="{2F3A0F74-3A15-46F2-A68E-A6B68774DD57}" type="presParOf" srcId="{09F66CFE-00E8-4380-8093-D4C3E975A1EB}" destId="{7A7D61BA-F716-44B1-9EE3-29CC983C1AC7}" srcOrd="5" destOrd="0" presId="urn:microsoft.com/office/officeart/2005/8/layout/process4"/>
    <dgm:cxn modelId="{16FA840B-FF74-4F19-BE52-AEEBDE19BF4D}" type="presParOf" srcId="{09F66CFE-00E8-4380-8093-D4C3E975A1EB}" destId="{AF271EE5-AA34-4E17-BA0F-D54195CD8A73}" srcOrd="6" destOrd="0" presId="urn:microsoft.com/office/officeart/2005/8/layout/process4"/>
    <dgm:cxn modelId="{ACF4084E-3B4E-4624-872F-BECA58E7EFDB}" type="presParOf" srcId="{AF271EE5-AA34-4E17-BA0F-D54195CD8A73}" destId="{D90E1CB1-0BFB-4CFE-8A56-B6D42DA52955}" srcOrd="0" destOrd="0" presId="urn:microsoft.com/office/officeart/2005/8/layout/process4"/>
    <dgm:cxn modelId="{D399A184-6054-4C47-8795-A0021FDBBF3A}" type="presParOf" srcId="{09F66CFE-00E8-4380-8093-D4C3E975A1EB}" destId="{F9E327DB-9AF5-4453-879E-839FD1DC0127}" srcOrd="7" destOrd="0" presId="urn:microsoft.com/office/officeart/2005/8/layout/process4"/>
    <dgm:cxn modelId="{7E9F9F98-C4B8-40DB-9310-2607522093C9}" type="presParOf" srcId="{09F66CFE-00E8-4380-8093-D4C3E975A1EB}" destId="{0002F1FD-16DC-4DFB-847B-2CA1F966EDB4}" srcOrd="8" destOrd="0" presId="urn:microsoft.com/office/officeart/2005/8/layout/process4"/>
    <dgm:cxn modelId="{E2FB8FD0-F12A-4DBB-A882-87AEAA3C8BB3}" type="presParOf" srcId="{0002F1FD-16DC-4DFB-847B-2CA1F966EDB4}" destId="{58D41B4C-D32F-4036-913A-A0CF097432AD}" srcOrd="0" destOrd="0" presId="urn:microsoft.com/office/officeart/2005/8/layout/process4"/>
    <dgm:cxn modelId="{C66DA100-17A1-4C02-8E61-BA221813A540}" type="presParOf" srcId="{09F66CFE-00E8-4380-8093-D4C3E975A1EB}" destId="{7712D5E6-7758-41B8-BD30-094C8255AD40}" srcOrd="9" destOrd="0" presId="urn:microsoft.com/office/officeart/2005/8/layout/process4"/>
    <dgm:cxn modelId="{805B4BB1-A717-4406-899F-1FC751D6AC88}" type="presParOf" srcId="{09F66CFE-00E8-4380-8093-D4C3E975A1EB}" destId="{0F76E0E8-4803-494D-989A-839F4CB70898}" srcOrd="10" destOrd="0" presId="urn:microsoft.com/office/officeart/2005/8/layout/process4"/>
    <dgm:cxn modelId="{F407C239-90F8-417E-BFCE-D8247A374DCE}" type="presParOf" srcId="{0F76E0E8-4803-494D-989A-839F4CB70898}" destId="{527A0C96-8C0D-4F4C-BE19-96AF98E553F4}" srcOrd="0" destOrd="0" presId="urn:microsoft.com/office/officeart/2005/8/layout/process4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32B2E13A-75DB-4808-8A6B-ECD5D644AA3B}" type="doc">
      <dgm:prSet loTypeId="urn:microsoft.com/office/officeart/2005/8/layout/vList5" loCatId="list" qsTypeId="urn:microsoft.com/office/officeart/2005/8/quickstyle/simple1" qsCatId="simple" csTypeId="urn:microsoft.com/office/officeart/2005/8/colors/colorful3" csCatId="colorful" phldr="1"/>
      <dgm:spPr/>
      <dgm:t>
        <a:bodyPr/>
        <a:lstStyle/>
        <a:p>
          <a:endParaRPr lang="ru-RU"/>
        </a:p>
      </dgm:t>
    </dgm:pt>
    <dgm:pt modelId="{FF00D07E-D9EC-4356-821D-2E667EA4A2AD}">
      <dgm:prSet phldrT="[Текст]" custT="1"/>
      <dgm:spPr/>
      <dgm:t>
        <a:bodyPr/>
        <a:lstStyle/>
        <a:p>
          <a:pPr algn="just"/>
          <a:r>
            <a:rPr lang="ru-RU" sz="2000" dirty="0" smtClean="0"/>
            <a:t>- </a:t>
          </a:r>
          <a:r>
            <a:rPr lang="ru-RU" sz="2000" dirty="0" smtClean="0"/>
            <a:t>МООК </a:t>
          </a:r>
          <a:r>
            <a:rPr lang="ru-RU" sz="2000" dirty="0" smtClean="0"/>
            <a:t>курсы открывают доступ к любому виду образования. Можно получить образование </a:t>
          </a:r>
          <a:r>
            <a:rPr lang="ru-RU" sz="2000" dirty="0" err="1" smtClean="0"/>
            <a:t>онлайн</a:t>
          </a:r>
          <a:r>
            <a:rPr lang="ru-RU" sz="2000" dirty="0" smtClean="0"/>
            <a:t> в любом университете мира, и стать обладателем подтверждающего сертификата.</a:t>
          </a:r>
          <a:endParaRPr lang="ru-RU" sz="2000" dirty="0"/>
        </a:p>
      </dgm:t>
    </dgm:pt>
    <dgm:pt modelId="{18425B31-06F2-4577-A6AE-BB1E8986B0AD}" type="parTrans" cxnId="{6BFDF407-BA2B-4856-B196-448E095B8893}">
      <dgm:prSet/>
      <dgm:spPr/>
      <dgm:t>
        <a:bodyPr/>
        <a:lstStyle/>
        <a:p>
          <a:endParaRPr lang="ru-RU"/>
        </a:p>
      </dgm:t>
    </dgm:pt>
    <dgm:pt modelId="{72722476-00CC-4947-8E52-72F3B032FE4F}" type="sibTrans" cxnId="{6BFDF407-BA2B-4856-B196-448E095B8893}">
      <dgm:prSet/>
      <dgm:spPr/>
      <dgm:t>
        <a:bodyPr/>
        <a:lstStyle/>
        <a:p>
          <a:endParaRPr lang="ru-RU"/>
        </a:p>
      </dgm:t>
    </dgm:pt>
    <dgm:pt modelId="{392C2935-50E2-496F-9A82-11BD392FA5FD}">
      <dgm:prSet phldrT="[Текст]" custT="1"/>
      <dgm:spPr/>
      <dgm:t>
        <a:bodyPr/>
        <a:lstStyle/>
        <a:p>
          <a:pPr algn="just"/>
          <a:r>
            <a:rPr lang="ru-RU" sz="2100" dirty="0" smtClean="0"/>
            <a:t>- Получение дополнительных знаний в выбранной области, возможность дистанционно повысить свою квалификацию.</a:t>
          </a:r>
          <a:endParaRPr lang="ru-RU" sz="2100" dirty="0"/>
        </a:p>
      </dgm:t>
    </dgm:pt>
    <dgm:pt modelId="{DB6DD303-2F7E-47E3-B5BD-E15969CFCE6B}" type="parTrans" cxnId="{AACDBEB3-22FE-4305-AC0D-C5037E91C0A5}">
      <dgm:prSet/>
      <dgm:spPr/>
      <dgm:t>
        <a:bodyPr/>
        <a:lstStyle/>
        <a:p>
          <a:endParaRPr lang="ru-RU"/>
        </a:p>
      </dgm:t>
    </dgm:pt>
    <dgm:pt modelId="{B8B46029-893E-4862-9E65-2FBAD9F4CE66}" type="sibTrans" cxnId="{AACDBEB3-22FE-4305-AC0D-C5037E91C0A5}">
      <dgm:prSet/>
      <dgm:spPr/>
      <dgm:t>
        <a:bodyPr/>
        <a:lstStyle/>
        <a:p>
          <a:endParaRPr lang="ru-RU"/>
        </a:p>
      </dgm:t>
    </dgm:pt>
    <dgm:pt modelId="{E6DDC05C-FE52-4DA1-8FEF-0764F7675513}">
      <dgm:prSet phldrT="[Текст]" custT="1"/>
      <dgm:spPr/>
      <dgm:t>
        <a:bodyPr/>
        <a:lstStyle/>
        <a:p>
          <a:pPr algn="l"/>
          <a:r>
            <a:rPr lang="ru-RU" sz="2300" dirty="0" smtClean="0"/>
            <a:t>- Пройти переподготовку дистанционно.</a:t>
          </a:r>
          <a:endParaRPr lang="ru-RU" sz="2300" dirty="0"/>
        </a:p>
      </dgm:t>
    </dgm:pt>
    <dgm:pt modelId="{D3583A63-57C2-48EA-A410-E4E21219E9B3}" type="parTrans" cxnId="{5881DB9E-1A88-40B9-8B74-C1E6CE0FDEDB}">
      <dgm:prSet/>
      <dgm:spPr/>
      <dgm:t>
        <a:bodyPr/>
        <a:lstStyle/>
        <a:p>
          <a:endParaRPr lang="ru-RU"/>
        </a:p>
      </dgm:t>
    </dgm:pt>
    <dgm:pt modelId="{EC2FBDEA-A0EF-4ABF-B8C1-B8EA658D69A7}" type="sibTrans" cxnId="{5881DB9E-1A88-40B9-8B74-C1E6CE0FDEDB}">
      <dgm:prSet/>
      <dgm:spPr/>
      <dgm:t>
        <a:bodyPr/>
        <a:lstStyle/>
        <a:p>
          <a:endParaRPr lang="ru-RU"/>
        </a:p>
      </dgm:t>
    </dgm:pt>
    <dgm:pt modelId="{76E872CF-C0F1-4E41-AEAD-4CB6BFBC2607}" type="pres">
      <dgm:prSet presAssocID="{32B2E13A-75DB-4808-8A6B-ECD5D644AA3B}" presName="Name0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E56DBA3A-079D-411C-937C-448DE47F367B}" type="pres">
      <dgm:prSet presAssocID="{FF00D07E-D9EC-4356-821D-2E667EA4A2AD}" presName="linNode" presStyleCnt="0"/>
      <dgm:spPr/>
    </dgm:pt>
    <dgm:pt modelId="{08609B5B-1034-4289-AA6E-2DB4DF96124D}" type="pres">
      <dgm:prSet presAssocID="{FF00D07E-D9EC-4356-821D-2E667EA4A2AD}" presName="parentText" presStyleLbl="node1" presStyleIdx="0" presStyleCnt="3" custScaleX="277778" custLinFactNeighborX="17083" custLinFactNeighborY="-20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289E97AB-6A2F-4306-9B0B-9E1BBF7BB8E9}" type="pres">
      <dgm:prSet presAssocID="{72722476-00CC-4947-8E52-72F3B032FE4F}" presName="sp" presStyleCnt="0"/>
      <dgm:spPr/>
    </dgm:pt>
    <dgm:pt modelId="{5F3DE07B-FE06-4EDA-9463-5BB94DF05BB9}" type="pres">
      <dgm:prSet presAssocID="{392C2935-50E2-496F-9A82-11BD392FA5FD}" presName="linNode" presStyleCnt="0"/>
      <dgm:spPr/>
    </dgm:pt>
    <dgm:pt modelId="{D2123419-6E32-4544-9CDD-40DCAC62C57D}" type="pres">
      <dgm:prSet presAssocID="{392C2935-50E2-496F-9A82-11BD392FA5FD}" presName="parentText" presStyleLbl="node1" presStyleIdx="1" presStyleCnt="3" custScaleX="27777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55B6C30E-192C-41EA-8FB8-EC3424C71396}" type="pres">
      <dgm:prSet presAssocID="{B8B46029-893E-4862-9E65-2FBAD9F4CE66}" presName="sp" presStyleCnt="0"/>
      <dgm:spPr/>
    </dgm:pt>
    <dgm:pt modelId="{59CF98B3-3ED1-4EE1-A4F7-D5B0FEDFD01C}" type="pres">
      <dgm:prSet presAssocID="{E6DDC05C-FE52-4DA1-8FEF-0764F7675513}" presName="linNode" presStyleCnt="0"/>
      <dgm:spPr/>
    </dgm:pt>
    <dgm:pt modelId="{DED8B2C3-3173-4056-B7FD-F24193A24F17}" type="pres">
      <dgm:prSet presAssocID="{E6DDC05C-FE52-4DA1-8FEF-0764F7675513}" presName="parentText" presStyleLbl="node1" presStyleIdx="2" presStyleCnt="3" custScaleX="27777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6BFDF407-BA2B-4856-B196-448E095B8893}" srcId="{32B2E13A-75DB-4808-8A6B-ECD5D644AA3B}" destId="{FF00D07E-D9EC-4356-821D-2E667EA4A2AD}" srcOrd="0" destOrd="0" parTransId="{18425B31-06F2-4577-A6AE-BB1E8986B0AD}" sibTransId="{72722476-00CC-4947-8E52-72F3B032FE4F}"/>
    <dgm:cxn modelId="{0DF44B8C-C2F8-4AAE-8F19-11981D690D1C}" type="presOf" srcId="{E6DDC05C-FE52-4DA1-8FEF-0764F7675513}" destId="{DED8B2C3-3173-4056-B7FD-F24193A24F17}" srcOrd="0" destOrd="0" presId="urn:microsoft.com/office/officeart/2005/8/layout/vList5"/>
    <dgm:cxn modelId="{AACDBEB3-22FE-4305-AC0D-C5037E91C0A5}" srcId="{32B2E13A-75DB-4808-8A6B-ECD5D644AA3B}" destId="{392C2935-50E2-496F-9A82-11BD392FA5FD}" srcOrd="1" destOrd="0" parTransId="{DB6DD303-2F7E-47E3-B5BD-E15969CFCE6B}" sibTransId="{B8B46029-893E-4862-9E65-2FBAD9F4CE66}"/>
    <dgm:cxn modelId="{5881DB9E-1A88-40B9-8B74-C1E6CE0FDEDB}" srcId="{32B2E13A-75DB-4808-8A6B-ECD5D644AA3B}" destId="{E6DDC05C-FE52-4DA1-8FEF-0764F7675513}" srcOrd="2" destOrd="0" parTransId="{D3583A63-57C2-48EA-A410-E4E21219E9B3}" sibTransId="{EC2FBDEA-A0EF-4ABF-B8C1-B8EA658D69A7}"/>
    <dgm:cxn modelId="{F0190ECA-913D-43AB-957B-A63A24CC7360}" type="presOf" srcId="{392C2935-50E2-496F-9A82-11BD392FA5FD}" destId="{D2123419-6E32-4544-9CDD-40DCAC62C57D}" srcOrd="0" destOrd="0" presId="urn:microsoft.com/office/officeart/2005/8/layout/vList5"/>
    <dgm:cxn modelId="{E65C54D5-3B1B-4807-A569-589CEBA4958B}" type="presOf" srcId="{FF00D07E-D9EC-4356-821D-2E667EA4A2AD}" destId="{08609B5B-1034-4289-AA6E-2DB4DF96124D}" srcOrd="0" destOrd="0" presId="urn:microsoft.com/office/officeart/2005/8/layout/vList5"/>
    <dgm:cxn modelId="{E33F9364-2724-4668-91CE-C8EB06F060D0}" type="presOf" srcId="{32B2E13A-75DB-4808-8A6B-ECD5D644AA3B}" destId="{76E872CF-C0F1-4E41-AEAD-4CB6BFBC2607}" srcOrd="0" destOrd="0" presId="urn:microsoft.com/office/officeart/2005/8/layout/vList5"/>
    <dgm:cxn modelId="{B768DDF2-A0FF-4126-B8D5-4B1780EB4CC5}" type="presParOf" srcId="{76E872CF-C0F1-4E41-AEAD-4CB6BFBC2607}" destId="{E56DBA3A-079D-411C-937C-448DE47F367B}" srcOrd="0" destOrd="0" presId="urn:microsoft.com/office/officeart/2005/8/layout/vList5"/>
    <dgm:cxn modelId="{758CF5EB-2F3E-4EBC-81AF-3E710C68665F}" type="presParOf" srcId="{E56DBA3A-079D-411C-937C-448DE47F367B}" destId="{08609B5B-1034-4289-AA6E-2DB4DF96124D}" srcOrd="0" destOrd="0" presId="urn:microsoft.com/office/officeart/2005/8/layout/vList5"/>
    <dgm:cxn modelId="{93710298-5809-4DB3-BFB7-71D94F61F14A}" type="presParOf" srcId="{76E872CF-C0F1-4E41-AEAD-4CB6BFBC2607}" destId="{289E97AB-6A2F-4306-9B0B-9E1BBF7BB8E9}" srcOrd="1" destOrd="0" presId="urn:microsoft.com/office/officeart/2005/8/layout/vList5"/>
    <dgm:cxn modelId="{7FEF946E-3166-429C-86F6-43AC4E357A1E}" type="presParOf" srcId="{76E872CF-C0F1-4E41-AEAD-4CB6BFBC2607}" destId="{5F3DE07B-FE06-4EDA-9463-5BB94DF05BB9}" srcOrd="2" destOrd="0" presId="urn:microsoft.com/office/officeart/2005/8/layout/vList5"/>
    <dgm:cxn modelId="{F71EE951-D1F8-4ED8-83FB-FCF5600808D7}" type="presParOf" srcId="{5F3DE07B-FE06-4EDA-9463-5BB94DF05BB9}" destId="{D2123419-6E32-4544-9CDD-40DCAC62C57D}" srcOrd="0" destOrd="0" presId="urn:microsoft.com/office/officeart/2005/8/layout/vList5"/>
    <dgm:cxn modelId="{F7ABE215-1EA7-4BE3-A266-6F9338ECCBF8}" type="presParOf" srcId="{76E872CF-C0F1-4E41-AEAD-4CB6BFBC2607}" destId="{55B6C30E-192C-41EA-8FB8-EC3424C71396}" srcOrd="3" destOrd="0" presId="urn:microsoft.com/office/officeart/2005/8/layout/vList5"/>
    <dgm:cxn modelId="{F6CFE128-9E7F-4C19-BF36-C60F520BD411}" type="presParOf" srcId="{76E872CF-C0F1-4E41-AEAD-4CB6BFBC2607}" destId="{59CF98B3-3ED1-4EE1-A4F7-D5B0FEDFD01C}" srcOrd="4" destOrd="0" presId="urn:microsoft.com/office/officeart/2005/8/layout/vList5"/>
    <dgm:cxn modelId="{BCABD5A3-EAEE-4664-8DCE-F2CF6856697C}" type="presParOf" srcId="{59CF98B3-3ED1-4EE1-A4F7-D5B0FEDFD01C}" destId="{DED8B2C3-3173-4056-B7FD-F24193A24F17}" srcOrd="0" destOrd="0" presId="urn:microsoft.com/office/officeart/2005/8/layout/vList5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32B2E13A-75DB-4808-8A6B-ECD5D644AA3B}" type="doc">
      <dgm:prSet loTypeId="urn:microsoft.com/office/officeart/2005/8/layout/vList5" loCatId="list" qsTypeId="urn:microsoft.com/office/officeart/2005/8/quickstyle/simple1" qsCatId="simple" csTypeId="urn:microsoft.com/office/officeart/2005/8/colors/colorful3" csCatId="colorful" phldr="1"/>
      <dgm:spPr/>
      <dgm:t>
        <a:bodyPr/>
        <a:lstStyle/>
        <a:p>
          <a:endParaRPr lang="ru-RU"/>
        </a:p>
      </dgm:t>
    </dgm:pt>
    <dgm:pt modelId="{FF00D07E-D9EC-4356-821D-2E667EA4A2AD}">
      <dgm:prSet phldrT="[Текст]" custT="1"/>
      <dgm:spPr/>
      <dgm:t>
        <a:bodyPr/>
        <a:lstStyle/>
        <a:p>
          <a:pPr algn="just"/>
          <a:r>
            <a:rPr lang="ru-RU" sz="2000" b="1" dirty="0" smtClean="0">
              <a:solidFill>
                <a:schemeClr val="bg1"/>
              </a:solidFill>
            </a:rPr>
            <a:t>По состоянию на этот год более </a:t>
          </a:r>
          <a:r>
            <a:rPr lang="ru-RU" sz="2000" b="1" i="1" dirty="0" smtClean="0">
              <a:solidFill>
                <a:schemeClr val="bg1"/>
              </a:solidFill>
            </a:rPr>
            <a:t>900</a:t>
          </a:r>
          <a:r>
            <a:rPr lang="ru-RU" sz="2000" b="1" dirty="0" smtClean="0">
              <a:solidFill>
                <a:schemeClr val="bg1"/>
              </a:solidFill>
            </a:rPr>
            <a:t> университетов по всему миру предлагали около </a:t>
          </a:r>
          <a:r>
            <a:rPr lang="ru-RU" sz="2000" b="1" i="1" dirty="0" smtClean="0">
              <a:solidFill>
                <a:schemeClr val="bg1"/>
              </a:solidFill>
            </a:rPr>
            <a:t>11 400</a:t>
          </a:r>
          <a:r>
            <a:rPr lang="ru-RU" sz="2000" b="1" dirty="0" smtClean="0">
              <a:solidFill>
                <a:schemeClr val="bg1"/>
              </a:solidFill>
            </a:rPr>
            <a:t> </a:t>
          </a:r>
          <a:r>
            <a:rPr lang="ru-RU" sz="2000" b="1" i="1" dirty="0" smtClean="0">
              <a:solidFill>
                <a:schemeClr val="bg1"/>
              </a:solidFill>
            </a:rPr>
            <a:t>MOOК</a:t>
          </a:r>
          <a:r>
            <a:rPr lang="ru-RU" sz="2000" b="1" dirty="0" smtClean="0">
              <a:solidFill>
                <a:schemeClr val="bg1"/>
              </a:solidFill>
            </a:rPr>
            <a:t>, </a:t>
          </a:r>
          <a:r>
            <a:rPr lang="ru-RU" sz="2000" b="1" dirty="0" smtClean="0">
              <a:solidFill>
                <a:schemeClr val="bg1"/>
              </a:solidFill>
            </a:rPr>
            <a:t>и в течение года было добавлено около </a:t>
          </a:r>
          <a:r>
            <a:rPr lang="ru-RU" sz="2000" b="1" i="1" dirty="0" smtClean="0">
              <a:solidFill>
                <a:schemeClr val="bg1"/>
              </a:solidFill>
            </a:rPr>
            <a:t>2000</a:t>
          </a:r>
          <a:r>
            <a:rPr lang="ru-RU" sz="2000" b="1" dirty="0" smtClean="0">
              <a:solidFill>
                <a:schemeClr val="bg1"/>
              </a:solidFill>
            </a:rPr>
            <a:t> новых курсов</a:t>
          </a:r>
          <a:endParaRPr lang="ru-RU" sz="2000" b="1" dirty="0">
            <a:solidFill>
              <a:schemeClr val="bg1"/>
            </a:solidFill>
          </a:endParaRPr>
        </a:p>
      </dgm:t>
    </dgm:pt>
    <dgm:pt modelId="{18425B31-06F2-4577-A6AE-BB1E8986B0AD}" type="parTrans" cxnId="{6BFDF407-BA2B-4856-B196-448E095B8893}">
      <dgm:prSet/>
      <dgm:spPr/>
      <dgm:t>
        <a:bodyPr/>
        <a:lstStyle/>
        <a:p>
          <a:endParaRPr lang="ru-RU"/>
        </a:p>
      </dgm:t>
    </dgm:pt>
    <dgm:pt modelId="{72722476-00CC-4947-8E52-72F3B032FE4F}" type="sibTrans" cxnId="{6BFDF407-BA2B-4856-B196-448E095B8893}">
      <dgm:prSet/>
      <dgm:spPr/>
      <dgm:t>
        <a:bodyPr/>
        <a:lstStyle/>
        <a:p>
          <a:endParaRPr lang="ru-RU"/>
        </a:p>
      </dgm:t>
    </dgm:pt>
    <dgm:pt modelId="{46D3FAE5-D1EB-4B6A-AE88-E880C43C9678}">
      <dgm:prSet phldrT="[Текст]" custT="1"/>
      <dgm:spPr/>
      <dgm:t>
        <a:bodyPr/>
        <a:lstStyle/>
        <a:p>
          <a:pPr algn="just"/>
          <a:r>
            <a:rPr lang="ru-RU" sz="2000" b="1" dirty="0" smtClean="0">
              <a:solidFill>
                <a:schemeClr val="bg1"/>
              </a:solidFill>
            </a:rPr>
            <a:t>Анализ рынка </a:t>
          </a:r>
          <a:r>
            <a:rPr lang="ru-RU" sz="2000" b="1" i="1" dirty="0" smtClean="0">
              <a:solidFill>
                <a:schemeClr val="bg1"/>
              </a:solidFill>
            </a:rPr>
            <a:t>МООК</a:t>
          </a:r>
          <a:r>
            <a:rPr lang="ru-RU" sz="2000" b="1" dirty="0" smtClean="0">
              <a:solidFill>
                <a:schemeClr val="bg1"/>
              </a:solidFill>
            </a:rPr>
            <a:t> </a:t>
          </a:r>
          <a:r>
            <a:rPr lang="ru-RU" sz="2000" b="1" dirty="0" smtClean="0">
              <a:solidFill>
                <a:schemeClr val="bg1"/>
              </a:solidFill>
            </a:rPr>
            <a:t>свидетельствует об интенсивном росте числа производителей и провайдеров </a:t>
          </a:r>
          <a:r>
            <a:rPr lang="ru-RU" sz="2000" b="1" i="1" dirty="0" smtClean="0">
              <a:solidFill>
                <a:schemeClr val="bg1"/>
              </a:solidFill>
            </a:rPr>
            <a:t>МООК</a:t>
          </a:r>
          <a:r>
            <a:rPr lang="ru-RU" sz="2000" b="1" dirty="0" smtClean="0">
              <a:solidFill>
                <a:schemeClr val="bg1"/>
              </a:solidFill>
            </a:rPr>
            <a:t>, </a:t>
          </a:r>
          <a:r>
            <a:rPr lang="ru-RU" sz="2000" b="1" dirty="0" smtClean="0">
              <a:solidFill>
                <a:schemeClr val="bg1"/>
              </a:solidFill>
            </a:rPr>
            <a:t>а также численности слушателей онлайн-курсов</a:t>
          </a:r>
          <a:endParaRPr lang="ru-RU" sz="2000" b="1" dirty="0">
            <a:solidFill>
              <a:schemeClr val="bg1"/>
            </a:solidFill>
          </a:endParaRPr>
        </a:p>
      </dgm:t>
    </dgm:pt>
    <dgm:pt modelId="{F8E34A14-4D3F-4C19-BF3A-7269839564B3}" type="parTrans" cxnId="{95F22BD8-009C-4C28-9243-71A1CB09CC2F}">
      <dgm:prSet/>
      <dgm:spPr/>
      <dgm:t>
        <a:bodyPr/>
        <a:lstStyle/>
        <a:p>
          <a:endParaRPr lang="ru-RU"/>
        </a:p>
      </dgm:t>
    </dgm:pt>
    <dgm:pt modelId="{CEF6ABBF-9DD7-4E03-9216-14363D9D8D87}" type="sibTrans" cxnId="{95F22BD8-009C-4C28-9243-71A1CB09CC2F}">
      <dgm:prSet/>
      <dgm:spPr/>
      <dgm:t>
        <a:bodyPr/>
        <a:lstStyle/>
        <a:p>
          <a:endParaRPr lang="ru-RU"/>
        </a:p>
      </dgm:t>
    </dgm:pt>
    <dgm:pt modelId="{0C26165D-8DC9-44C1-A953-09232C163A1E}">
      <dgm:prSet phldrT="[Текст]" custT="1"/>
      <dgm:spPr/>
      <dgm:t>
        <a:bodyPr/>
        <a:lstStyle/>
        <a:p>
          <a:pPr algn="just"/>
          <a:r>
            <a:rPr lang="ru-RU" sz="2000" b="1" dirty="0" smtClean="0">
              <a:solidFill>
                <a:schemeClr val="bg1"/>
              </a:solidFill>
            </a:rPr>
            <a:t>Потребность в качественном доступном образовании; повышение квалификации; дополнительное обучение дистанционно с получением сертификата</a:t>
          </a:r>
          <a:endParaRPr lang="ru-RU" sz="2000" b="1" dirty="0">
            <a:solidFill>
              <a:schemeClr val="bg1"/>
            </a:solidFill>
          </a:endParaRPr>
        </a:p>
      </dgm:t>
    </dgm:pt>
    <dgm:pt modelId="{66EA6B9E-F2C8-49E9-BDF5-01DC84BCE166}" type="parTrans" cxnId="{EFD2107F-324E-4563-8B47-73BA44D47F9C}">
      <dgm:prSet/>
      <dgm:spPr/>
      <dgm:t>
        <a:bodyPr/>
        <a:lstStyle/>
        <a:p>
          <a:endParaRPr lang="ru-RU"/>
        </a:p>
      </dgm:t>
    </dgm:pt>
    <dgm:pt modelId="{78B4B99B-50F5-4F8E-8B18-D18F2BFB68C5}" type="sibTrans" cxnId="{EFD2107F-324E-4563-8B47-73BA44D47F9C}">
      <dgm:prSet/>
      <dgm:spPr/>
      <dgm:t>
        <a:bodyPr/>
        <a:lstStyle/>
        <a:p>
          <a:endParaRPr lang="ru-RU"/>
        </a:p>
      </dgm:t>
    </dgm:pt>
    <dgm:pt modelId="{76E872CF-C0F1-4E41-AEAD-4CB6BFBC2607}" type="pres">
      <dgm:prSet presAssocID="{32B2E13A-75DB-4808-8A6B-ECD5D644AA3B}" presName="Name0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66D2C7EC-5A29-4D45-8B87-E0151F28480E}" type="pres">
      <dgm:prSet presAssocID="{FF00D07E-D9EC-4356-821D-2E667EA4A2AD}" presName="linNode" presStyleCnt="0"/>
      <dgm:spPr/>
    </dgm:pt>
    <dgm:pt modelId="{BEC31706-F585-41E6-A18F-7026E7C05B81}" type="pres">
      <dgm:prSet presAssocID="{FF00D07E-D9EC-4356-821D-2E667EA4A2AD}" presName="parentText" presStyleLbl="node1" presStyleIdx="0" presStyleCnt="3" custScaleX="263165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43BC1B72-98FD-4BE3-B9FA-2C38B4208473}" type="pres">
      <dgm:prSet presAssocID="{72722476-00CC-4947-8E52-72F3B032FE4F}" presName="sp" presStyleCnt="0"/>
      <dgm:spPr/>
    </dgm:pt>
    <dgm:pt modelId="{9A607FCB-82B9-4256-8CDE-8147C97F9B59}" type="pres">
      <dgm:prSet presAssocID="{46D3FAE5-D1EB-4B6A-AE88-E880C43C9678}" presName="linNode" presStyleCnt="0"/>
      <dgm:spPr/>
    </dgm:pt>
    <dgm:pt modelId="{BB3F643E-9438-455F-B0FA-5334984BB859}" type="pres">
      <dgm:prSet presAssocID="{46D3FAE5-D1EB-4B6A-AE88-E880C43C9678}" presName="parentText" presStyleLbl="node1" presStyleIdx="1" presStyleCnt="3" custScaleX="266205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7EDE567C-4039-4E69-AF41-E0F0E43E0CC8}" type="pres">
      <dgm:prSet presAssocID="{CEF6ABBF-9DD7-4E03-9216-14363D9D8D87}" presName="sp" presStyleCnt="0"/>
      <dgm:spPr/>
    </dgm:pt>
    <dgm:pt modelId="{03A6550C-B84E-443D-A76C-F57C44E0AE20}" type="pres">
      <dgm:prSet presAssocID="{0C26165D-8DC9-44C1-A953-09232C163A1E}" presName="linNode" presStyleCnt="0"/>
      <dgm:spPr/>
    </dgm:pt>
    <dgm:pt modelId="{097BC1B8-44F1-4AD4-AEAA-BB20BBC07F7F}" type="pres">
      <dgm:prSet presAssocID="{0C26165D-8DC9-44C1-A953-09232C163A1E}" presName="parentText" presStyleLbl="node1" presStyleIdx="2" presStyleCnt="3" custScaleX="264781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3D826421-177E-45CF-8CB5-00702207C112}" type="presOf" srcId="{FF00D07E-D9EC-4356-821D-2E667EA4A2AD}" destId="{BEC31706-F585-41E6-A18F-7026E7C05B81}" srcOrd="0" destOrd="0" presId="urn:microsoft.com/office/officeart/2005/8/layout/vList5"/>
    <dgm:cxn modelId="{6BFDF407-BA2B-4856-B196-448E095B8893}" srcId="{32B2E13A-75DB-4808-8A6B-ECD5D644AA3B}" destId="{FF00D07E-D9EC-4356-821D-2E667EA4A2AD}" srcOrd="0" destOrd="0" parTransId="{18425B31-06F2-4577-A6AE-BB1E8986B0AD}" sibTransId="{72722476-00CC-4947-8E52-72F3B032FE4F}"/>
    <dgm:cxn modelId="{DCCF249A-8487-4F85-95EE-56C8FB763707}" type="presOf" srcId="{0C26165D-8DC9-44C1-A953-09232C163A1E}" destId="{097BC1B8-44F1-4AD4-AEAA-BB20BBC07F7F}" srcOrd="0" destOrd="0" presId="urn:microsoft.com/office/officeart/2005/8/layout/vList5"/>
    <dgm:cxn modelId="{95F22BD8-009C-4C28-9243-71A1CB09CC2F}" srcId="{32B2E13A-75DB-4808-8A6B-ECD5D644AA3B}" destId="{46D3FAE5-D1EB-4B6A-AE88-E880C43C9678}" srcOrd="1" destOrd="0" parTransId="{F8E34A14-4D3F-4C19-BF3A-7269839564B3}" sibTransId="{CEF6ABBF-9DD7-4E03-9216-14363D9D8D87}"/>
    <dgm:cxn modelId="{EFD2107F-324E-4563-8B47-73BA44D47F9C}" srcId="{32B2E13A-75DB-4808-8A6B-ECD5D644AA3B}" destId="{0C26165D-8DC9-44C1-A953-09232C163A1E}" srcOrd="2" destOrd="0" parTransId="{66EA6B9E-F2C8-49E9-BDF5-01DC84BCE166}" sibTransId="{78B4B99B-50F5-4F8E-8B18-D18F2BFB68C5}"/>
    <dgm:cxn modelId="{CF79AA03-8DF4-42A2-82B6-423EBE1ED7BC}" type="presOf" srcId="{32B2E13A-75DB-4808-8A6B-ECD5D644AA3B}" destId="{76E872CF-C0F1-4E41-AEAD-4CB6BFBC2607}" srcOrd="0" destOrd="0" presId="urn:microsoft.com/office/officeart/2005/8/layout/vList5"/>
    <dgm:cxn modelId="{42574112-7DE6-41DD-B6B9-1515F30379E0}" type="presOf" srcId="{46D3FAE5-D1EB-4B6A-AE88-E880C43C9678}" destId="{BB3F643E-9438-455F-B0FA-5334984BB859}" srcOrd="0" destOrd="0" presId="urn:microsoft.com/office/officeart/2005/8/layout/vList5"/>
    <dgm:cxn modelId="{FD42190D-EB15-4C8A-BF7D-626ABB7FF03B}" type="presParOf" srcId="{76E872CF-C0F1-4E41-AEAD-4CB6BFBC2607}" destId="{66D2C7EC-5A29-4D45-8B87-E0151F28480E}" srcOrd="0" destOrd="0" presId="urn:microsoft.com/office/officeart/2005/8/layout/vList5"/>
    <dgm:cxn modelId="{749725B4-6728-4800-8ADE-4334E5E7C78B}" type="presParOf" srcId="{66D2C7EC-5A29-4D45-8B87-E0151F28480E}" destId="{BEC31706-F585-41E6-A18F-7026E7C05B81}" srcOrd="0" destOrd="0" presId="urn:microsoft.com/office/officeart/2005/8/layout/vList5"/>
    <dgm:cxn modelId="{12C044D9-0923-40E1-B6B0-679CE2CB9EBB}" type="presParOf" srcId="{76E872CF-C0F1-4E41-AEAD-4CB6BFBC2607}" destId="{43BC1B72-98FD-4BE3-B9FA-2C38B4208473}" srcOrd="1" destOrd="0" presId="urn:microsoft.com/office/officeart/2005/8/layout/vList5"/>
    <dgm:cxn modelId="{3A7086D3-FB48-460D-924F-6BD41B2BEDB7}" type="presParOf" srcId="{76E872CF-C0F1-4E41-AEAD-4CB6BFBC2607}" destId="{9A607FCB-82B9-4256-8CDE-8147C97F9B59}" srcOrd="2" destOrd="0" presId="urn:microsoft.com/office/officeart/2005/8/layout/vList5"/>
    <dgm:cxn modelId="{4E546339-E874-47A0-8B27-098D76E2E365}" type="presParOf" srcId="{9A607FCB-82B9-4256-8CDE-8147C97F9B59}" destId="{BB3F643E-9438-455F-B0FA-5334984BB859}" srcOrd="0" destOrd="0" presId="urn:microsoft.com/office/officeart/2005/8/layout/vList5"/>
    <dgm:cxn modelId="{FB49D8A9-AAB1-4D0F-8D6A-7C095BBD37C8}" type="presParOf" srcId="{76E872CF-C0F1-4E41-AEAD-4CB6BFBC2607}" destId="{7EDE567C-4039-4E69-AF41-E0F0E43E0CC8}" srcOrd="3" destOrd="0" presId="urn:microsoft.com/office/officeart/2005/8/layout/vList5"/>
    <dgm:cxn modelId="{0D17B846-1AFC-4928-93C5-6586FA309C6A}" type="presParOf" srcId="{76E872CF-C0F1-4E41-AEAD-4CB6BFBC2607}" destId="{03A6550C-B84E-443D-A76C-F57C44E0AE20}" srcOrd="4" destOrd="0" presId="urn:microsoft.com/office/officeart/2005/8/layout/vList5"/>
    <dgm:cxn modelId="{ACF0C9A9-14B6-45FE-AB16-BA20C8F25642}" type="presParOf" srcId="{03A6550C-B84E-443D-A76C-F57C44E0AE20}" destId="{097BC1B8-44F1-4AD4-AEAA-BB20BBC07F7F}" srcOrd="0" destOrd="0" presId="urn:microsoft.com/office/officeart/2005/8/layout/vList5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32B2E13A-75DB-4808-8A6B-ECD5D644AA3B}" type="doc">
      <dgm:prSet loTypeId="urn:microsoft.com/office/officeart/2005/8/layout/vList5" loCatId="list" qsTypeId="urn:microsoft.com/office/officeart/2005/8/quickstyle/simple1" qsCatId="simple" csTypeId="urn:microsoft.com/office/officeart/2005/8/colors/colorful3" csCatId="colorful" phldr="1"/>
      <dgm:spPr/>
      <dgm:t>
        <a:bodyPr/>
        <a:lstStyle/>
        <a:p>
          <a:endParaRPr lang="ru-RU"/>
        </a:p>
      </dgm:t>
    </dgm:pt>
    <dgm:pt modelId="{FF00D07E-D9EC-4356-821D-2E667EA4A2AD}">
      <dgm:prSet phldrT="[Текст]" custT="1"/>
      <dgm:spPr/>
      <dgm:t>
        <a:bodyPr/>
        <a:lstStyle/>
        <a:p>
          <a:pPr algn="just">
            <a:lnSpc>
              <a:spcPct val="150000"/>
            </a:lnSpc>
          </a:pPr>
          <a:r>
            <a:rPr lang="en-US" sz="3000" b="1" i="1" dirty="0" smtClean="0">
              <a:solidFill>
                <a:schemeClr val="bg1"/>
              </a:solidFill>
            </a:rPr>
            <a:t>Coursera.org</a:t>
          </a:r>
          <a:r>
            <a:rPr lang="ru-RU" sz="3000" b="1" i="1" dirty="0" smtClean="0">
              <a:solidFill>
                <a:schemeClr val="bg1"/>
              </a:solidFill>
            </a:rPr>
            <a:t>;</a:t>
          </a:r>
          <a:r>
            <a:rPr lang="en-US" sz="3000" b="1" i="1" dirty="0" smtClean="0">
              <a:solidFill>
                <a:schemeClr val="bg1"/>
              </a:solidFill>
            </a:rPr>
            <a:t> Udacity.com</a:t>
          </a:r>
          <a:r>
            <a:rPr lang="ru-RU" sz="3000" b="1" i="1" dirty="0" smtClean="0">
              <a:solidFill>
                <a:schemeClr val="bg1"/>
              </a:solidFill>
            </a:rPr>
            <a:t>;</a:t>
          </a:r>
          <a:r>
            <a:rPr lang="en-US" sz="3000" b="1" i="1" dirty="0" smtClean="0">
              <a:solidFill>
                <a:schemeClr val="bg1"/>
              </a:solidFill>
            </a:rPr>
            <a:t> edx.org</a:t>
          </a:r>
          <a:r>
            <a:rPr lang="ru-RU" sz="3000" b="1" i="1" dirty="0" smtClean="0">
              <a:solidFill>
                <a:schemeClr val="bg1"/>
              </a:solidFill>
            </a:rPr>
            <a:t>;</a:t>
          </a:r>
          <a:r>
            <a:rPr lang="en-US" sz="3000" b="1" i="1" dirty="0" smtClean="0">
              <a:solidFill>
                <a:schemeClr val="bg1"/>
              </a:solidFill>
            </a:rPr>
            <a:t> Khan Academy</a:t>
          </a:r>
          <a:endParaRPr lang="ru-RU" sz="3000" b="1" i="1" dirty="0">
            <a:solidFill>
              <a:schemeClr val="bg1"/>
            </a:solidFill>
          </a:endParaRPr>
        </a:p>
      </dgm:t>
    </dgm:pt>
    <dgm:pt modelId="{18425B31-06F2-4577-A6AE-BB1E8986B0AD}" type="parTrans" cxnId="{6BFDF407-BA2B-4856-B196-448E095B8893}">
      <dgm:prSet/>
      <dgm:spPr/>
      <dgm:t>
        <a:bodyPr/>
        <a:lstStyle/>
        <a:p>
          <a:endParaRPr lang="ru-RU"/>
        </a:p>
      </dgm:t>
    </dgm:pt>
    <dgm:pt modelId="{72722476-00CC-4947-8E52-72F3B032FE4F}" type="sibTrans" cxnId="{6BFDF407-BA2B-4856-B196-448E095B8893}">
      <dgm:prSet/>
      <dgm:spPr/>
      <dgm:t>
        <a:bodyPr/>
        <a:lstStyle/>
        <a:p>
          <a:endParaRPr lang="ru-RU"/>
        </a:p>
      </dgm:t>
    </dgm:pt>
    <dgm:pt modelId="{46D3FAE5-D1EB-4B6A-AE88-E880C43C9678}">
      <dgm:prSet phldrT="[Текст]" custT="1"/>
      <dgm:spPr/>
      <dgm:t>
        <a:bodyPr/>
        <a:lstStyle/>
        <a:p>
          <a:pPr algn="just">
            <a:lnSpc>
              <a:spcPct val="150000"/>
            </a:lnSpc>
          </a:pPr>
          <a:r>
            <a:rPr lang="en-US" sz="3000" b="1" i="1" dirty="0" smtClean="0">
              <a:solidFill>
                <a:schemeClr val="bg1"/>
              </a:solidFill>
            </a:rPr>
            <a:t>Lektorum.tv</a:t>
          </a:r>
          <a:r>
            <a:rPr lang="ru-RU" sz="3000" b="1" i="1" dirty="0" smtClean="0">
              <a:solidFill>
                <a:schemeClr val="bg1"/>
              </a:solidFill>
            </a:rPr>
            <a:t>;</a:t>
          </a:r>
          <a:r>
            <a:rPr lang="en-US" sz="3000" b="1" i="1" dirty="0" smtClean="0">
              <a:solidFill>
                <a:schemeClr val="bg1"/>
              </a:solidFill>
            </a:rPr>
            <a:t> onlaine.edu.ru</a:t>
          </a:r>
          <a:r>
            <a:rPr lang="ru-RU" sz="3000" b="1" i="1" dirty="0" smtClean="0">
              <a:solidFill>
                <a:schemeClr val="bg1"/>
              </a:solidFill>
            </a:rPr>
            <a:t>;</a:t>
          </a:r>
          <a:r>
            <a:rPr lang="en-US" sz="3000" b="1" i="1" dirty="0" smtClean="0">
              <a:solidFill>
                <a:schemeClr val="bg1"/>
              </a:solidFill>
            </a:rPr>
            <a:t> universarium.org</a:t>
          </a:r>
          <a:endParaRPr lang="ru-RU" sz="3000" b="1" i="1" dirty="0">
            <a:solidFill>
              <a:schemeClr val="bg1"/>
            </a:solidFill>
          </a:endParaRPr>
        </a:p>
      </dgm:t>
    </dgm:pt>
    <dgm:pt modelId="{F8E34A14-4D3F-4C19-BF3A-7269839564B3}" type="parTrans" cxnId="{95F22BD8-009C-4C28-9243-71A1CB09CC2F}">
      <dgm:prSet/>
      <dgm:spPr/>
      <dgm:t>
        <a:bodyPr/>
        <a:lstStyle/>
        <a:p>
          <a:endParaRPr lang="ru-RU"/>
        </a:p>
      </dgm:t>
    </dgm:pt>
    <dgm:pt modelId="{CEF6ABBF-9DD7-4E03-9216-14363D9D8D87}" type="sibTrans" cxnId="{95F22BD8-009C-4C28-9243-71A1CB09CC2F}">
      <dgm:prSet/>
      <dgm:spPr/>
      <dgm:t>
        <a:bodyPr/>
        <a:lstStyle/>
        <a:p>
          <a:endParaRPr lang="ru-RU"/>
        </a:p>
      </dgm:t>
    </dgm:pt>
    <dgm:pt modelId="{76E872CF-C0F1-4E41-AEAD-4CB6BFBC2607}" type="pres">
      <dgm:prSet presAssocID="{32B2E13A-75DB-4808-8A6B-ECD5D644AA3B}" presName="Name0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66D2C7EC-5A29-4D45-8B87-E0151F28480E}" type="pres">
      <dgm:prSet presAssocID="{FF00D07E-D9EC-4356-821D-2E667EA4A2AD}" presName="linNode" presStyleCnt="0"/>
      <dgm:spPr/>
    </dgm:pt>
    <dgm:pt modelId="{BEC31706-F585-41E6-A18F-7026E7C05B81}" type="pres">
      <dgm:prSet presAssocID="{FF00D07E-D9EC-4356-821D-2E667EA4A2AD}" presName="parentText" presStyleLbl="node1" presStyleIdx="0" presStyleCnt="2" custScaleX="263165" custLinFactNeighborX="1546" custLinFactNeighborY="-2974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43BC1B72-98FD-4BE3-B9FA-2C38B4208473}" type="pres">
      <dgm:prSet presAssocID="{72722476-00CC-4947-8E52-72F3B032FE4F}" presName="sp" presStyleCnt="0"/>
      <dgm:spPr/>
    </dgm:pt>
    <dgm:pt modelId="{9A607FCB-82B9-4256-8CDE-8147C97F9B59}" type="pres">
      <dgm:prSet presAssocID="{46D3FAE5-D1EB-4B6A-AE88-E880C43C9678}" presName="linNode" presStyleCnt="0"/>
      <dgm:spPr/>
    </dgm:pt>
    <dgm:pt modelId="{BB3F643E-9438-455F-B0FA-5334984BB859}" type="pres">
      <dgm:prSet presAssocID="{46D3FAE5-D1EB-4B6A-AE88-E880C43C9678}" presName="parentText" presStyleLbl="node1" presStyleIdx="1" presStyleCnt="2" custScaleX="266205" custLinFactNeighborX="-898" custLinFactNeighborY="-3986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87097DFA-AB2E-4AC8-84B8-F0CC432F4287}" type="presOf" srcId="{46D3FAE5-D1EB-4B6A-AE88-E880C43C9678}" destId="{BB3F643E-9438-455F-B0FA-5334984BB859}" srcOrd="0" destOrd="0" presId="urn:microsoft.com/office/officeart/2005/8/layout/vList5"/>
    <dgm:cxn modelId="{98A8FBAE-6E3B-4F87-B52D-A8777B38FDCD}" type="presOf" srcId="{32B2E13A-75DB-4808-8A6B-ECD5D644AA3B}" destId="{76E872CF-C0F1-4E41-AEAD-4CB6BFBC2607}" srcOrd="0" destOrd="0" presId="urn:microsoft.com/office/officeart/2005/8/layout/vList5"/>
    <dgm:cxn modelId="{6BFDF407-BA2B-4856-B196-448E095B8893}" srcId="{32B2E13A-75DB-4808-8A6B-ECD5D644AA3B}" destId="{FF00D07E-D9EC-4356-821D-2E667EA4A2AD}" srcOrd="0" destOrd="0" parTransId="{18425B31-06F2-4577-A6AE-BB1E8986B0AD}" sibTransId="{72722476-00CC-4947-8E52-72F3B032FE4F}"/>
    <dgm:cxn modelId="{EBE90678-0E22-4324-A4F3-5D7E19B97B16}" type="presOf" srcId="{FF00D07E-D9EC-4356-821D-2E667EA4A2AD}" destId="{BEC31706-F585-41E6-A18F-7026E7C05B81}" srcOrd="0" destOrd="0" presId="urn:microsoft.com/office/officeart/2005/8/layout/vList5"/>
    <dgm:cxn modelId="{95F22BD8-009C-4C28-9243-71A1CB09CC2F}" srcId="{32B2E13A-75DB-4808-8A6B-ECD5D644AA3B}" destId="{46D3FAE5-D1EB-4B6A-AE88-E880C43C9678}" srcOrd="1" destOrd="0" parTransId="{F8E34A14-4D3F-4C19-BF3A-7269839564B3}" sibTransId="{CEF6ABBF-9DD7-4E03-9216-14363D9D8D87}"/>
    <dgm:cxn modelId="{3C8FB663-32F0-4C38-BA10-FAD0C50A99BD}" type="presParOf" srcId="{76E872CF-C0F1-4E41-AEAD-4CB6BFBC2607}" destId="{66D2C7EC-5A29-4D45-8B87-E0151F28480E}" srcOrd="0" destOrd="0" presId="urn:microsoft.com/office/officeart/2005/8/layout/vList5"/>
    <dgm:cxn modelId="{1CBEC977-735C-4078-B6E5-A839DFA56354}" type="presParOf" srcId="{66D2C7EC-5A29-4D45-8B87-E0151F28480E}" destId="{BEC31706-F585-41E6-A18F-7026E7C05B81}" srcOrd="0" destOrd="0" presId="urn:microsoft.com/office/officeart/2005/8/layout/vList5"/>
    <dgm:cxn modelId="{F1E3015D-DE2D-4270-A1D1-B230B90DBBFF}" type="presParOf" srcId="{76E872CF-C0F1-4E41-AEAD-4CB6BFBC2607}" destId="{43BC1B72-98FD-4BE3-B9FA-2C38B4208473}" srcOrd="1" destOrd="0" presId="urn:microsoft.com/office/officeart/2005/8/layout/vList5"/>
    <dgm:cxn modelId="{1E3383DE-1DA7-44F6-A2FE-7D833CC32560}" type="presParOf" srcId="{76E872CF-C0F1-4E41-AEAD-4CB6BFBC2607}" destId="{9A607FCB-82B9-4256-8CDE-8147C97F9B59}" srcOrd="2" destOrd="0" presId="urn:microsoft.com/office/officeart/2005/8/layout/vList5"/>
    <dgm:cxn modelId="{531CAAC5-A973-464F-B0F8-60FCF37EE9C9}" type="presParOf" srcId="{9A607FCB-82B9-4256-8CDE-8147C97F9B59}" destId="{BB3F643E-9438-455F-B0FA-5334984BB859}" srcOrd="0" destOrd="0" presId="urn:microsoft.com/office/officeart/2005/8/layout/vList5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32B2E13A-75DB-4808-8A6B-ECD5D644AA3B}" type="doc">
      <dgm:prSet loTypeId="urn:microsoft.com/office/officeart/2005/8/layout/vList5" loCatId="list" qsTypeId="urn:microsoft.com/office/officeart/2005/8/quickstyle/simple1" qsCatId="simple" csTypeId="urn:microsoft.com/office/officeart/2005/8/colors/colorful3" csCatId="colorful" phldr="1"/>
      <dgm:spPr/>
      <dgm:t>
        <a:bodyPr/>
        <a:lstStyle/>
        <a:p>
          <a:endParaRPr lang="ru-RU"/>
        </a:p>
      </dgm:t>
    </dgm:pt>
    <dgm:pt modelId="{46D3FAE5-D1EB-4B6A-AE88-E880C43C9678}">
      <dgm:prSet phldrT="[Текст]" custT="1"/>
      <dgm:spPr/>
      <dgm:t>
        <a:bodyPr/>
        <a:lstStyle/>
        <a:p>
          <a:pPr algn="just">
            <a:lnSpc>
              <a:spcPct val="125000"/>
            </a:lnSpc>
          </a:pPr>
          <a:r>
            <a:rPr lang="ru-RU" sz="2000" b="1" i="0" dirty="0" smtClean="0">
              <a:solidFill>
                <a:schemeClr val="bg1"/>
              </a:solidFill>
            </a:rPr>
            <a:t>В рамкам проекта «</a:t>
          </a:r>
          <a:r>
            <a:rPr lang="ru-RU" sz="2000" b="1" i="0" dirty="0" smtClean="0"/>
            <a:t>Развитие механизмов финансирования безопасности школьной образовательной среды в  КР</a:t>
          </a:r>
          <a:r>
            <a:rPr lang="ru-RU" sz="2000" b="1" i="0" dirty="0" smtClean="0">
              <a:solidFill>
                <a:schemeClr val="bg1"/>
              </a:solidFill>
            </a:rPr>
            <a:t>» университетом были созданы курсы массовых открытых онлайн курсов.</a:t>
          </a:r>
        </a:p>
        <a:p>
          <a:pPr algn="just">
            <a:lnSpc>
              <a:spcPct val="125000"/>
            </a:lnSpc>
          </a:pPr>
          <a:r>
            <a:rPr lang="ru-RU" sz="2000" b="1" i="0" dirty="0" smtClean="0">
              <a:solidFill>
                <a:schemeClr val="bg1"/>
              </a:solidFill>
            </a:rPr>
            <a:t>- Использованы финансовые и эксплуатационные ресурсы проекта;</a:t>
          </a:r>
        </a:p>
        <a:p>
          <a:pPr algn="just">
            <a:lnSpc>
              <a:spcPct val="125000"/>
            </a:lnSpc>
          </a:pPr>
          <a:r>
            <a:rPr lang="ru-RU" sz="2000" b="1" i="0" dirty="0" smtClean="0">
              <a:solidFill>
                <a:schemeClr val="bg1"/>
              </a:solidFill>
            </a:rPr>
            <a:t>- Возможность апробации разработанных курсов.</a:t>
          </a:r>
        </a:p>
        <a:p>
          <a:pPr algn="just">
            <a:lnSpc>
              <a:spcPct val="125000"/>
            </a:lnSpc>
          </a:pPr>
          <a:endParaRPr lang="ru-RU" sz="1500" b="1" i="0" dirty="0">
            <a:solidFill>
              <a:schemeClr val="bg1"/>
            </a:solidFill>
          </a:endParaRPr>
        </a:p>
      </dgm:t>
    </dgm:pt>
    <dgm:pt modelId="{F8E34A14-4D3F-4C19-BF3A-7269839564B3}" type="parTrans" cxnId="{95F22BD8-009C-4C28-9243-71A1CB09CC2F}">
      <dgm:prSet/>
      <dgm:spPr/>
      <dgm:t>
        <a:bodyPr/>
        <a:lstStyle/>
        <a:p>
          <a:endParaRPr lang="ru-RU"/>
        </a:p>
      </dgm:t>
    </dgm:pt>
    <dgm:pt modelId="{CEF6ABBF-9DD7-4E03-9216-14363D9D8D87}" type="sibTrans" cxnId="{95F22BD8-009C-4C28-9243-71A1CB09CC2F}">
      <dgm:prSet/>
      <dgm:spPr/>
      <dgm:t>
        <a:bodyPr/>
        <a:lstStyle/>
        <a:p>
          <a:endParaRPr lang="ru-RU"/>
        </a:p>
      </dgm:t>
    </dgm:pt>
    <dgm:pt modelId="{76E872CF-C0F1-4E41-AEAD-4CB6BFBC2607}" type="pres">
      <dgm:prSet presAssocID="{32B2E13A-75DB-4808-8A6B-ECD5D644AA3B}" presName="Name0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9A607FCB-82B9-4256-8CDE-8147C97F9B59}" type="pres">
      <dgm:prSet presAssocID="{46D3FAE5-D1EB-4B6A-AE88-E880C43C9678}" presName="linNode" presStyleCnt="0"/>
      <dgm:spPr/>
    </dgm:pt>
    <dgm:pt modelId="{BB3F643E-9438-455F-B0FA-5334984BB859}" type="pres">
      <dgm:prSet presAssocID="{46D3FAE5-D1EB-4B6A-AE88-E880C43C9678}" presName="parentText" presStyleLbl="node1" presStyleIdx="0" presStyleCnt="1" custScaleX="277778" custLinFactNeighborX="-136" custLinFactNeighborY="1852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A98B44A8-0AFA-4CD3-B9EA-17CCAF9D9FCF}" type="presOf" srcId="{46D3FAE5-D1EB-4B6A-AE88-E880C43C9678}" destId="{BB3F643E-9438-455F-B0FA-5334984BB859}" srcOrd="0" destOrd="0" presId="urn:microsoft.com/office/officeart/2005/8/layout/vList5"/>
    <dgm:cxn modelId="{95F22BD8-009C-4C28-9243-71A1CB09CC2F}" srcId="{32B2E13A-75DB-4808-8A6B-ECD5D644AA3B}" destId="{46D3FAE5-D1EB-4B6A-AE88-E880C43C9678}" srcOrd="0" destOrd="0" parTransId="{F8E34A14-4D3F-4C19-BF3A-7269839564B3}" sibTransId="{CEF6ABBF-9DD7-4E03-9216-14363D9D8D87}"/>
    <dgm:cxn modelId="{3AB493F6-7B27-4416-8EA1-C09EB87D4180}" type="presOf" srcId="{32B2E13A-75DB-4808-8A6B-ECD5D644AA3B}" destId="{76E872CF-C0F1-4E41-AEAD-4CB6BFBC2607}" srcOrd="0" destOrd="0" presId="urn:microsoft.com/office/officeart/2005/8/layout/vList5"/>
    <dgm:cxn modelId="{46178AFF-0AE1-4197-9A0E-0C86E6E40C53}" type="presParOf" srcId="{76E872CF-C0F1-4E41-AEAD-4CB6BFBC2607}" destId="{9A607FCB-82B9-4256-8CDE-8147C97F9B59}" srcOrd="0" destOrd="0" presId="urn:microsoft.com/office/officeart/2005/8/layout/vList5"/>
    <dgm:cxn modelId="{EDF412EE-7A0F-486D-876B-C9C079E6E087}" type="presParOf" srcId="{9A607FCB-82B9-4256-8CDE-8147C97F9B59}" destId="{BB3F643E-9438-455F-B0FA-5334984BB859}" srcOrd="0" destOrd="0" presId="urn:microsoft.com/office/officeart/2005/8/layout/vList5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6.xml><?xml version="1.0" encoding="utf-8"?>
<dgm:dataModel xmlns:dgm="http://schemas.openxmlformats.org/drawingml/2006/diagram" xmlns:a="http://schemas.openxmlformats.org/drawingml/2006/main">
  <dgm:ptLst>
    <dgm:pt modelId="{32B2E13A-75DB-4808-8A6B-ECD5D644AA3B}" type="doc">
      <dgm:prSet loTypeId="urn:microsoft.com/office/officeart/2005/8/layout/vList5" loCatId="list" qsTypeId="urn:microsoft.com/office/officeart/2005/8/quickstyle/simple1" qsCatId="simple" csTypeId="urn:microsoft.com/office/officeart/2005/8/colors/colorful3" csCatId="colorful" phldr="1"/>
      <dgm:spPr/>
      <dgm:t>
        <a:bodyPr/>
        <a:lstStyle/>
        <a:p>
          <a:endParaRPr lang="ru-RU"/>
        </a:p>
      </dgm:t>
    </dgm:pt>
    <dgm:pt modelId="{51C49986-EB1A-4172-AA6E-9A6BBD85EDA6}">
      <dgm:prSet custT="1"/>
      <dgm:spPr/>
      <dgm:t>
        <a:bodyPr/>
        <a:lstStyle/>
        <a:p>
          <a:pPr algn="just">
            <a:lnSpc>
              <a:spcPct val="125000"/>
            </a:lnSpc>
          </a:pPr>
          <a:r>
            <a:rPr lang="ru-RU" sz="2000" b="1" dirty="0" smtClean="0"/>
            <a:t>Разработанные массовые открытые онлайн курсы ориентированы на:</a:t>
          </a:r>
        </a:p>
        <a:p>
          <a:pPr algn="just">
            <a:lnSpc>
              <a:spcPct val="125000"/>
            </a:lnSpc>
          </a:pPr>
          <a:r>
            <a:rPr lang="ru-RU" sz="2000" b="1" dirty="0" smtClean="0"/>
            <a:t>- администрации образовательных организаций;</a:t>
          </a:r>
        </a:p>
        <a:p>
          <a:pPr algn="just">
            <a:lnSpc>
              <a:spcPct val="125000"/>
            </a:lnSpc>
          </a:pPr>
          <a:r>
            <a:rPr lang="ru-RU" sz="2000" b="1" dirty="0" smtClean="0"/>
            <a:t>- органы местного самоуправления;</a:t>
          </a:r>
        </a:p>
        <a:p>
          <a:pPr algn="just">
            <a:lnSpc>
              <a:spcPct val="125000"/>
            </a:lnSpc>
          </a:pPr>
          <a:r>
            <a:rPr lang="ru-RU" sz="2000" b="1" dirty="0" smtClean="0"/>
            <a:t>- педагогических работников и студентов, желающими повысить свою квалификацию. </a:t>
          </a:r>
          <a:endParaRPr lang="ru-RU" sz="2000" b="1" dirty="0"/>
        </a:p>
      </dgm:t>
    </dgm:pt>
    <dgm:pt modelId="{7BC3CBB0-E9FA-4546-9977-AD5C60765A1A}" type="parTrans" cxnId="{8FB43C32-9426-413B-B2F9-F9BFFC5FD332}">
      <dgm:prSet/>
      <dgm:spPr/>
      <dgm:t>
        <a:bodyPr/>
        <a:lstStyle/>
        <a:p>
          <a:endParaRPr lang="ru-RU"/>
        </a:p>
      </dgm:t>
    </dgm:pt>
    <dgm:pt modelId="{0B2FD89C-C5F5-4C8B-9EEE-9043136C587F}" type="sibTrans" cxnId="{8FB43C32-9426-413B-B2F9-F9BFFC5FD332}">
      <dgm:prSet/>
      <dgm:spPr/>
      <dgm:t>
        <a:bodyPr/>
        <a:lstStyle/>
        <a:p>
          <a:endParaRPr lang="ru-RU"/>
        </a:p>
      </dgm:t>
    </dgm:pt>
    <dgm:pt modelId="{76E872CF-C0F1-4E41-AEAD-4CB6BFBC2607}" type="pres">
      <dgm:prSet presAssocID="{32B2E13A-75DB-4808-8A6B-ECD5D644AA3B}" presName="Name0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23DCEBC4-7A58-4782-81C9-41FFD727B29A}" type="pres">
      <dgm:prSet presAssocID="{51C49986-EB1A-4172-AA6E-9A6BBD85EDA6}" presName="linNode" presStyleCnt="0"/>
      <dgm:spPr/>
    </dgm:pt>
    <dgm:pt modelId="{44564579-B042-49E2-9F9A-5E434CD4FE75}" type="pres">
      <dgm:prSet presAssocID="{51C49986-EB1A-4172-AA6E-9A6BBD85EDA6}" presName="parentText" presStyleLbl="node1" presStyleIdx="0" presStyleCnt="1" custScaleX="277778" custLinFactNeighborX="-5029" custLinFactNeighborY="-100000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8FB43C32-9426-413B-B2F9-F9BFFC5FD332}" srcId="{32B2E13A-75DB-4808-8A6B-ECD5D644AA3B}" destId="{51C49986-EB1A-4172-AA6E-9A6BBD85EDA6}" srcOrd="0" destOrd="0" parTransId="{7BC3CBB0-E9FA-4546-9977-AD5C60765A1A}" sibTransId="{0B2FD89C-C5F5-4C8B-9EEE-9043136C587F}"/>
    <dgm:cxn modelId="{4142D33F-5032-477B-A431-E1D9B9C42340}" type="presOf" srcId="{51C49986-EB1A-4172-AA6E-9A6BBD85EDA6}" destId="{44564579-B042-49E2-9F9A-5E434CD4FE75}" srcOrd="0" destOrd="0" presId="urn:microsoft.com/office/officeart/2005/8/layout/vList5"/>
    <dgm:cxn modelId="{DE3A8C5E-3497-4639-B647-D565540163ED}" type="presOf" srcId="{32B2E13A-75DB-4808-8A6B-ECD5D644AA3B}" destId="{76E872CF-C0F1-4E41-AEAD-4CB6BFBC2607}" srcOrd="0" destOrd="0" presId="urn:microsoft.com/office/officeart/2005/8/layout/vList5"/>
    <dgm:cxn modelId="{B83EC766-EF7B-47C8-86CB-2FDCC4169DD5}" type="presParOf" srcId="{76E872CF-C0F1-4E41-AEAD-4CB6BFBC2607}" destId="{23DCEBC4-7A58-4782-81C9-41FFD727B29A}" srcOrd="0" destOrd="0" presId="urn:microsoft.com/office/officeart/2005/8/layout/vList5"/>
    <dgm:cxn modelId="{547D5AAE-2A53-4A83-AD2E-00E5C225BCA4}" type="presParOf" srcId="{23DCEBC4-7A58-4782-81C9-41FFD727B29A}" destId="{44564579-B042-49E2-9F9A-5E434CD4FE75}" srcOrd="0" destOrd="0" presId="urn:microsoft.com/office/officeart/2005/8/layout/vList5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7.xml><?xml version="1.0" encoding="utf-8"?>
<dgm:dataModel xmlns:dgm="http://schemas.openxmlformats.org/drawingml/2006/diagram" xmlns:a="http://schemas.openxmlformats.org/drawingml/2006/main">
  <dgm:ptLst>
    <dgm:pt modelId="{C0C631D2-4F59-4AEC-A878-E17DDD863710}" type="doc">
      <dgm:prSet loTypeId="urn:microsoft.com/office/officeart/2005/8/layout/chevron2" loCatId="list" qsTypeId="urn:microsoft.com/office/officeart/2005/8/quickstyle/simple1" qsCatId="simple" csTypeId="urn:microsoft.com/office/officeart/2005/8/colors/colorful3" csCatId="colorful" phldr="1"/>
      <dgm:spPr/>
      <dgm:t>
        <a:bodyPr/>
        <a:lstStyle/>
        <a:p>
          <a:endParaRPr lang="ru-RU"/>
        </a:p>
      </dgm:t>
    </dgm:pt>
    <dgm:pt modelId="{0DE4CDC9-48B5-4338-A8F7-0C98983C46F9}">
      <dgm:prSet phldrT="[Текст]" phldr="1"/>
      <dgm:spPr/>
      <dgm:t>
        <a:bodyPr/>
        <a:lstStyle/>
        <a:p>
          <a:endParaRPr lang="ru-RU" b="1" dirty="0">
            <a:solidFill>
              <a:srgbClr val="0843B8"/>
            </a:solidFill>
          </a:endParaRPr>
        </a:p>
      </dgm:t>
    </dgm:pt>
    <dgm:pt modelId="{23B1DA2D-3EDA-41C6-89A9-395AEFF9F735}" type="parTrans" cxnId="{C9791A1A-CB30-43D7-B598-25912F3054FE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B31E4AF5-D8F5-4660-9A7F-3BEA3C04EA5A}" type="sibTrans" cxnId="{C9791A1A-CB30-43D7-B598-25912F3054FE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5234DF5C-4E69-4D0A-A0C9-0776E39DCC39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Финансовые аспекты безопасности образовательных организаций. 1С: Бухгалтерия</a:t>
          </a:r>
          <a:endParaRPr lang="ru-RU" b="1" dirty="0">
            <a:solidFill>
              <a:srgbClr val="0843B8"/>
            </a:solidFill>
          </a:endParaRPr>
        </a:p>
      </dgm:t>
    </dgm:pt>
    <dgm:pt modelId="{50CFC49D-8455-436E-8962-39CCEA4EF2E9}" type="parTrans" cxnId="{E8D95052-7FB7-4FA7-8829-B8017D21110D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A8A46C67-40C5-4E23-B94F-C35F26E817D0}" type="sibTrans" cxnId="{E8D95052-7FB7-4FA7-8829-B8017D21110D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DF91B0DD-1CFC-4691-969D-A6FE106AC909}">
      <dgm:prSet phldrT="[Текст]" phldr="1"/>
      <dgm:spPr/>
      <dgm:t>
        <a:bodyPr/>
        <a:lstStyle/>
        <a:p>
          <a:endParaRPr lang="ru-RU" b="1" dirty="0">
            <a:solidFill>
              <a:srgbClr val="0843B8"/>
            </a:solidFill>
          </a:endParaRPr>
        </a:p>
      </dgm:t>
    </dgm:pt>
    <dgm:pt modelId="{5C31B1A1-1A68-49B5-957D-018981C6385A}" type="parTrans" cxnId="{5A62DE41-EFEC-4446-B9D8-120C1A269914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C11500C0-D7B4-4C61-91B0-3E1F6F448680}" type="sibTrans" cxnId="{5A62DE41-EFEC-4446-B9D8-120C1A269914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B67E2B16-CD15-4F1B-981C-B73E1AF8FF7B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Управление безопасными закупками и финансированием безопасной образовательной среды</a:t>
          </a:r>
          <a:endParaRPr lang="ru-RU" b="1" dirty="0">
            <a:solidFill>
              <a:srgbClr val="0843B8"/>
            </a:solidFill>
          </a:endParaRPr>
        </a:p>
      </dgm:t>
    </dgm:pt>
    <dgm:pt modelId="{D449B3B6-D246-4301-984F-98DB90741637}" type="parTrans" cxnId="{E28761B1-A24B-41C8-9184-42209394049B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8CAF4896-7886-4F3B-8D40-6502A67B613D}" type="sibTrans" cxnId="{E28761B1-A24B-41C8-9184-42209394049B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45317206-E67E-4E0C-B468-C13C4DD8040B}">
      <dgm:prSet phldrT="[Текст]" phldr="1"/>
      <dgm:spPr/>
      <dgm:t>
        <a:bodyPr/>
        <a:lstStyle/>
        <a:p>
          <a:endParaRPr lang="ru-RU" b="1" dirty="0">
            <a:solidFill>
              <a:srgbClr val="0843B8"/>
            </a:solidFill>
          </a:endParaRPr>
        </a:p>
      </dgm:t>
    </dgm:pt>
    <dgm:pt modelId="{444913EC-FBD7-4F89-A581-4203AAE3A43E}" type="parTrans" cxnId="{31AE197E-EE9F-4302-83C2-45BF96FD0E1C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2A8634F9-710F-458E-839F-2CF8699C3E48}" type="sibTrans" cxnId="{31AE197E-EE9F-4302-83C2-45BF96FD0E1C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30226BF1-0A03-40FF-891B-C3D6510A0060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Психологическая безопасность образовательной деятельности</a:t>
          </a:r>
          <a:endParaRPr lang="ru-RU" b="1" dirty="0">
            <a:solidFill>
              <a:srgbClr val="0843B8"/>
            </a:solidFill>
          </a:endParaRPr>
        </a:p>
      </dgm:t>
    </dgm:pt>
    <dgm:pt modelId="{6CA85D30-6890-4D7E-9AAF-E91991185E7A}" type="parTrans" cxnId="{C2B1C586-346B-4A49-A86C-C249A7F8B9E3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8637E59A-1D0B-446D-856C-D7D0894865FC}" type="sibTrans" cxnId="{C2B1C586-346B-4A49-A86C-C249A7F8B9E3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85287899-4120-4CDF-94A4-75FF6B1A1FCC}">
      <dgm:prSet phldrT="[Текст]" phldr="1"/>
      <dgm:spPr/>
      <dgm:t>
        <a:bodyPr/>
        <a:lstStyle/>
        <a:p>
          <a:endParaRPr lang="ru-RU" b="1" dirty="0">
            <a:solidFill>
              <a:srgbClr val="0843B8"/>
            </a:solidFill>
          </a:endParaRPr>
        </a:p>
      </dgm:t>
    </dgm:pt>
    <dgm:pt modelId="{21DBDA02-7384-49ED-B221-395B6D065DA1}" type="parTrans" cxnId="{E9660933-0034-46C8-B986-8264FECFBF8D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5A77E1DD-AB75-4E89-8D16-D28BEEBC941D}" type="sibTrans" cxnId="{E9660933-0034-46C8-B986-8264FECFBF8D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39355535-BC21-4DF0-83DE-9CEF52264D30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Физическая безопасность образовательной среды</a:t>
          </a:r>
          <a:endParaRPr lang="ru-RU" b="1" dirty="0">
            <a:solidFill>
              <a:srgbClr val="0843B8"/>
            </a:solidFill>
          </a:endParaRPr>
        </a:p>
      </dgm:t>
    </dgm:pt>
    <dgm:pt modelId="{D84BA126-D028-4544-BC3D-C6919483CD47}" type="parTrans" cxnId="{DE074D3A-CE65-4067-AE43-87B13A8E47C9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3E8E6A2D-DB86-40B2-811A-C5AC44FDE967}" type="sibTrans" cxnId="{DE074D3A-CE65-4067-AE43-87B13A8E47C9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519FDB40-3A29-4304-B761-787C4EAA1DC2}">
      <dgm:prSet phldrT="[Текст]" phldr="1"/>
      <dgm:spPr/>
      <dgm:t>
        <a:bodyPr/>
        <a:lstStyle/>
        <a:p>
          <a:endParaRPr lang="ru-RU" b="1" dirty="0">
            <a:solidFill>
              <a:srgbClr val="0843B8"/>
            </a:solidFill>
          </a:endParaRPr>
        </a:p>
      </dgm:t>
    </dgm:pt>
    <dgm:pt modelId="{278EDFE7-BEAF-4DEC-8F00-96C7501DD968}" type="parTrans" cxnId="{567EFE22-836A-4FBF-8D8D-983C73170A86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A49238E9-E461-46F0-A1FF-DB46547E81A9}" type="sibTrans" cxnId="{567EFE22-836A-4FBF-8D8D-983C73170A86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37AE4523-7C31-4B19-9147-68AD4F2643EA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Пищевая безопасность образовательной организации</a:t>
          </a:r>
          <a:endParaRPr lang="ru-RU" b="1" dirty="0">
            <a:solidFill>
              <a:srgbClr val="0843B8"/>
            </a:solidFill>
          </a:endParaRPr>
        </a:p>
      </dgm:t>
    </dgm:pt>
    <dgm:pt modelId="{69A5FA7E-0EB5-4B0C-98DC-E32CC6149504}" type="parTrans" cxnId="{18763510-E031-4848-8448-E15EC13E90F8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AF7B8784-538F-42CF-AC2F-3134E0F52DE6}" type="sibTrans" cxnId="{18763510-E031-4848-8448-E15EC13E90F8}">
      <dgm:prSet/>
      <dgm:spPr/>
      <dgm:t>
        <a:bodyPr/>
        <a:lstStyle/>
        <a:p>
          <a:endParaRPr lang="ru-RU" b="1">
            <a:solidFill>
              <a:srgbClr val="0843B8"/>
            </a:solidFill>
          </a:endParaRPr>
        </a:p>
      </dgm:t>
    </dgm:pt>
    <dgm:pt modelId="{3F1DDD75-83FD-4171-BE08-6D68AB4F25F6}" type="pres">
      <dgm:prSet presAssocID="{C0C631D2-4F59-4AEC-A878-E17DDD863710}" presName="linearFlow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24FCF2D6-1E91-4F7B-B4CC-34C884110A94}" type="pres">
      <dgm:prSet presAssocID="{0DE4CDC9-48B5-4338-A8F7-0C98983C46F9}" presName="composite" presStyleCnt="0"/>
      <dgm:spPr/>
    </dgm:pt>
    <dgm:pt modelId="{CD992091-5291-419D-B834-30952EEA906B}" type="pres">
      <dgm:prSet presAssocID="{0DE4CDC9-48B5-4338-A8F7-0C98983C46F9}" presName="parentText" presStyleLbl="alignNode1" presStyleIdx="0" presStyleCnt="5" custAng="16200000" custScaleX="59604" custScaleY="80437" custLinFactNeighborX="22307" custLinFactNeighborY="-19519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4E8CD377-ED9E-47D9-A17D-082C2EE22440}" type="pres">
      <dgm:prSet presAssocID="{0DE4CDC9-48B5-4338-A8F7-0C98983C46F9}" presName="descendantText" presStyleLbl="alignAcc1" presStyleIdx="0" presStyleCnt="5" custScaleX="95177" custLinFactNeighborX="2496" custLinFactNeighborY="-7560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F22C516E-792F-4D69-BECE-57E2ED32F698}" type="pres">
      <dgm:prSet presAssocID="{B31E4AF5-D8F5-4660-9A7F-3BEA3C04EA5A}" presName="sp" presStyleCnt="0"/>
      <dgm:spPr/>
    </dgm:pt>
    <dgm:pt modelId="{6B0FEDCA-7156-42E4-9BA6-2157011F8DFA}" type="pres">
      <dgm:prSet presAssocID="{DF91B0DD-1CFC-4691-969D-A6FE106AC909}" presName="composite" presStyleCnt="0"/>
      <dgm:spPr/>
    </dgm:pt>
    <dgm:pt modelId="{B84447A9-7769-4B89-A153-D13472248A03}" type="pres">
      <dgm:prSet presAssocID="{DF91B0DD-1CFC-4691-969D-A6FE106AC909}" presName="parentText" presStyleLbl="alignNode1" presStyleIdx="1" presStyleCnt="5" custAng="16200000" custScaleX="73548" custScaleY="82460" custLinFactNeighborX="16780" custLinFactNeighborY="-724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69CA2E35-D96F-46C6-AED1-C23FAC9CEBBA}" type="pres">
      <dgm:prSet presAssocID="{DF91B0DD-1CFC-4691-969D-A6FE106AC909}" presName="descendantText" presStyleLbl="alignAcc1" presStyleIdx="1" presStyleCnt="5" custScaleX="95435" custScaleY="92737" custLinFactNeighborX="2018" custLinFactNeighborY="117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3AE9C86E-F528-45AC-B321-84465AA55707}" type="pres">
      <dgm:prSet presAssocID="{C11500C0-D7B4-4C61-91B0-3E1F6F448680}" presName="sp" presStyleCnt="0"/>
      <dgm:spPr/>
    </dgm:pt>
    <dgm:pt modelId="{767BAC78-B12A-43C4-8929-C7BE7C2F5325}" type="pres">
      <dgm:prSet presAssocID="{45317206-E67E-4E0C-B468-C13C4DD8040B}" presName="composite" presStyleCnt="0"/>
      <dgm:spPr/>
    </dgm:pt>
    <dgm:pt modelId="{DE71186C-658E-44E3-8DC9-B61919D17915}" type="pres">
      <dgm:prSet presAssocID="{45317206-E67E-4E0C-B468-C13C4DD8040B}" presName="parentText" presStyleLbl="alignNode1" presStyleIdx="2" presStyleCnt="5" custAng="16200000" custScaleX="63871" custScaleY="88977" custLinFactNeighborX="23945" custLinFactNeighborY="-1832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499B2D80-D839-40F2-9485-CE981433277E}" type="pres">
      <dgm:prSet presAssocID="{45317206-E67E-4E0C-B468-C13C4DD8040B}" presName="descendantText" presStyleLbl="alignAcc1" presStyleIdx="2" presStyleCnt="5" custScaleX="94279" custScaleY="101685" custLinFactNeighborX="1186" custLinFactNeighborY="16577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01A1F3BD-1523-445F-A622-CCE3697E7844}" type="pres">
      <dgm:prSet presAssocID="{2A8634F9-710F-458E-839F-2CF8699C3E48}" presName="sp" presStyleCnt="0"/>
      <dgm:spPr/>
    </dgm:pt>
    <dgm:pt modelId="{967AD6DA-7C91-4881-8893-3595A5B87D52}" type="pres">
      <dgm:prSet presAssocID="{85287899-4120-4CDF-94A4-75FF6B1A1FCC}" presName="composite" presStyleCnt="0"/>
      <dgm:spPr/>
    </dgm:pt>
    <dgm:pt modelId="{4EDD2FC0-3920-4C46-AE3F-F73F7FA0DF15}" type="pres">
      <dgm:prSet presAssocID="{85287899-4120-4CDF-94A4-75FF6B1A1FCC}" presName="parentText" presStyleLbl="alignNode1" presStyleIdx="3" presStyleCnt="5" custAng="16200000" custScaleX="63871" custScaleY="104856" custLinFactNeighborX="19819" custLinFactNeighborY="7850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7C867C28-9844-4A99-B6D4-E15321916D19}" type="pres">
      <dgm:prSet presAssocID="{85287899-4120-4CDF-94A4-75FF6B1A1FCC}" presName="descendantText" presStyleLbl="alignAcc1" presStyleIdx="3" presStyleCnt="5" custScaleX="93490" custScaleY="101685" custLinFactNeighborX="1585" custLinFactNeighborY="24878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7777C9F6-B7CD-4004-BE1D-1E59A14C6CB4}" type="pres">
      <dgm:prSet presAssocID="{5A77E1DD-AB75-4E89-8D16-D28BEEBC941D}" presName="sp" presStyleCnt="0"/>
      <dgm:spPr/>
    </dgm:pt>
    <dgm:pt modelId="{B0EAE633-D9B1-44F2-9709-0D591C2F3DFA}" type="pres">
      <dgm:prSet presAssocID="{519FDB40-3A29-4304-B761-787C4EAA1DC2}" presName="composite" presStyleCnt="0"/>
      <dgm:spPr/>
    </dgm:pt>
    <dgm:pt modelId="{47E55E6F-D470-43CB-946B-DD48BCA9FB8C}" type="pres">
      <dgm:prSet presAssocID="{519FDB40-3A29-4304-B761-787C4EAA1DC2}" presName="parentText" presStyleLbl="alignNode1" presStyleIdx="4" presStyleCnt="5" custAng="16200000" custScaleX="63871" custScaleY="94235" custLinFactNeighborX="19819" custLinFactNeighborY="7850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FCE1DEF1-C0BF-4199-BB12-200D9B4A0D64}" type="pres">
      <dgm:prSet presAssocID="{519FDB40-3A29-4304-B761-787C4EAA1DC2}" presName="descendantText" presStyleLbl="alignAcc1" presStyleIdx="4" presStyleCnt="5" custScaleX="94807" custScaleY="101685" custLinFactNeighborX="2243" custLinFactNeighborY="12940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3FEF0EB3-DF24-499A-8828-D2204F3752BD}" type="presOf" srcId="{37AE4523-7C31-4B19-9147-68AD4F2643EA}" destId="{FCE1DEF1-C0BF-4199-BB12-200D9B4A0D64}" srcOrd="0" destOrd="0" presId="urn:microsoft.com/office/officeart/2005/8/layout/chevron2"/>
    <dgm:cxn modelId="{E28761B1-A24B-41C8-9184-42209394049B}" srcId="{DF91B0DD-1CFC-4691-969D-A6FE106AC909}" destId="{B67E2B16-CD15-4F1B-981C-B73E1AF8FF7B}" srcOrd="0" destOrd="0" parTransId="{D449B3B6-D246-4301-984F-98DB90741637}" sibTransId="{8CAF4896-7886-4F3B-8D40-6502A67B613D}"/>
    <dgm:cxn modelId="{DE074D3A-CE65-4067-AE43-87B13A8E47C9}" srcId="{85287899-4120-4CDF-94A4-75FF6B1A1FCC}" destId="{39355535-BC21-4DF0-83DE-9CEF52264D30}" srcOrd="0" destOrd="0" parTransId="{D84BA126-D028-4544-BC3D-C6919483CD47}" sibTransId="{3E8E6A2D-DB86-40B2-811A-C5AC44FDE967}"/>
    <dgm:cxn modelId="{0BBA0CBF-EE2E-4588-901B-E56A964EFFC0}" type="presOf" srcId="{B67E2B16-CD15-4F1B-981C-B73E1AF8FF7B}" destId="{69CA2E35-D96F-46C6-AED1-C23FAC9CEBBA}" srcOrd="0" destOrd="0" presId="urn:microsoft.com/office/officeart/2005/8/layout/chevron2"/>
    <dgm:cxn modelId="{14CE33B0-CE4A-49D5-9593-7434D67BEA6C}" type="presOf" srcId="{0DE4CDC9-48B5-4338-A8F7-0C98983C46F9}" destId="{CD992091-5291-419D-B834-30952EEA906B}" srcOrd="0" destOrd="0" presId="urn:microsoft.com/office/officeart/2005/8/layout/chevron2"/>
    <dgm:cxn modelId="{C030E402-74EA-46EB-9B28-B311D62AE8E0}" type="presOf" srcId="{30226BF1-0A03-40FF-891B-C3D6510A0060}" destId="{499B2D80-D839-40F2-9485-CE981433277E}" srcOrd="0" destOrd="0" presId="urn:microsoft.com/office/officeart/2005/8/layout/chevron2"/>
    <dgm:cxn modelId="{E8D95052-7FB7-4FA7-8829-B8017D21110D}" srcId="{0DE4CDC9-48B5-4338-A8F7-0C98983C46F9}" destId="{5234DF5C-4E69-4D0A-A0C9-0776E39DCC39}" srcOrd="0" destOrd="0" parTransId="{50CFC49D-8455-436E-8962-39CCEA4EF2E9}" sibTransId="{A8A46C67-40C5-4E23-B94F-C35F26E817D0}"/>
    <dgm:cxn modelId="{C45FDEDF-3A57-4720-B933-C20C0BBC1AF0}" type="presOf" srcId="{C0C631D2-4F59-4AEC-A878-E17DDD863710}" destId="{3F1DDD75-83FD-4171-BE08-6D68AB4F25F6}" srcOrd="0" destOrd="0" presId="urn:microsoft.com/office/officeart/2005/8/layout/chevron2"/>
    <dgm:cxn modelId="{C9791A1A-CB30-43D7-B598-25912F3054FE}" srcId="{C0C631D2-4F59-4AEC-A878-E17DDD863710}" destId="{0DE4CDC9-48B5-4338-A8F7-0C98983C46F9}" srcOrd="0" destOrd="0" parTransId="{23B1DA2D-3EDA-41C6-89A9-395AEFF9F735}" sibTransId="{B31E4AF5-D8F5-4660-9A7F-3BEA3C04EA5A}"/>
    <dgm:cxn modelId="{A6580E47-A215-4CE5-8350-A96CAD697508}" type="presOf" srcId="{DF91B0DD-1CFC-4691-969D-A6FE106AC909}" destId="{B84447A9-7769-4B89-A153-D13472248A03}" srcOrd="0" destOrd="0" presId="urn:microsoft.com/office/officeart/2005/8/layout/chevron2"/>
    <dgm:cxn modelId="{C2B1C586-346B-4A49-A86C-C249A7F8B9E3}" srcId="{45317206-E67E-4E0C-B468-C13C4DD8040B}" destId="{30226BF1-0A03-40FF-891B-C3D6510A0060}" srcOrd="0" destOrd="0" parTransId="{6CA85D30-6890-4D7E-9AAF-E91991185E7A}" sibTransId="{8637E59A-1D0B-446D-856C-D7D0894865FC}"/>
    <dgm:cxn modelId="{1D0C2BF3-44D4-41FD-8F5B-775D04CE2B1B}" type="presOf" srcId="{5234DF5C-4E69-4D0A-A0C9-0776E39DCC39}" destId="{4E8CD377-ED9E-47D9-A17D-082C2EE22440}" srcOrd="0" destOrd="0" presId="urn:microsoft.com/office/officeart/2005/8/layout/chevron2"/>
    <dgm:cxn modelId="{F09402BD-D7A0-40CC-86BF-B9A825401F56}" type="presOf" srcId="{45317206-E67E-4E0C-B468-C13C4DD8040B}" destId="{DE71186C-658E-44E3-8DC9-B61919D17915}" srcOrd="0" destOrd="0" presId="urn:microsoft.com/office/officeart/2005/8/layout/chevron2"/>
    <dgm:cxn modelId="{18763510-E031-4848-8448-E15EC13E90F8}" srcId="{519FDB40-3A29-4304-B761-787C4EAA1DC2}" destId="{37AE4523-7C31-4B19-9147-68AD4F2643EA}" srcOrd="0" destOrd="0" parTransId="{69A5FA7E-0EB5-4B0C-98DC-E32CC6149504}" sibTransId="{AF7B8784-538F-42CF-AC2F-3134E0F52DE6}"/>
    <dgm:cxn modelId="{0B0C07F8-6DFE-43E2-884E-0AFCDE23AAF2}" type="presOf" srcId="{39355535-BC21-4DF0-83DE-9CEF52264D30}" destId="{7C867C28-9844-4A99-B6D4-E15321916D19}" srcOrd="0" destOrd="0" presId="urn:microsoft.com/office/officeart/2005/8/layout/chevron2"/>
    <dgm:cxn modelId="{0F1767AB-C9F7-440E-9AF3-05B5CC5EEB9A}" type="presOf" srcId="{519FDB40-3A29-4304-B761-787C4EAA1DC2}" destId="{47E55E6F-D470-43CB-946B-DD48BCA9FB8C}" srcOrd="0" destOrd="0" presId="urn:microsoft.com/office/officeart/2005/8/layout/chevron2"/>
    <dgm:cxn modelId="{5A62DE41-EFEC-4446-B9D8-120C1A269914}" srcId="{C0C631D2-4F59-4AEC-A878-E17DDD863710}" destId="{DF91B0DD-1CFC-4691-969D-A6FE106AC909}" srcOrd="1" destOrd="0" parTransId="{5C31B1A1-1A68-49B5-957D-018981C6385A}" sibTransId="{C11500C0-D7B4-4C61-91B0-3E1F6F448680}"/>
    <dgm:cxn modelId="{EB42FFAD-5D11-4758-878A-EA25CFFBD230}" type="presOf" srcId="{85287899-4120-4CDF-94A4-75FF6B1A1FCC}" destId="{4EDD2FC0-3920-4C46-AE3F-F73F7FA0DF15}" srcOrd="0" destOrd="0" presId="urn:microsoft.com/office/officeart/2005/8/layout/chevron2"/>
    <dgm:cxn modelId="{567EFE22-836A-4FBF-8D8D-983C73170A86}" srcId="{C0C631D2-4F59-4AEC-A878-E17DDD863710}" destId="{519FDB40-3A29-4304-B761-787C4EAA1DC2}" srcOrd="4" destOrd="0" parTransId="{278EDFE7-BEAF-4DEC-8F00-96C7501DD968}" sibTransId="{A49238E9-E461-46F0-A1FF-DB46547E81A9}"/>
    <dgm:cxn modelId="{31AE197E-EE9F-4302-83C2-45BF96FD0E1C}" srcId="{C0C631D2-4F59-4AEC-A878-E17DDD863710}" destId="{45317206-E67E-4E0C-B468-C13C4DD8040B}" srcOrd="2" destOrd="0" parTransId="{444913EC-FBD7-4F89-A581-4203AAE3A43E}" sibTransId="{2A8634F9-710F-458E-839F-2CF8699C3E48}"/>
    <dgm:cxn modelId="{E9660933-0034-46C8-B986-8264FECFBF8D}" srcId="{C0C631D2-4F59-4AEC-A878-E17DDD863710}" destId="{85287899-4120-4CDF-94A4-75FF6B1A1FCC}" srcOrd="3" destOrd="0" parTransId="{21DBDA02-7384-49ED-B221-395B6D065DA1}" sibTransId="{5A77E1DD-AB75-4E89-8D16-D28BEEBC941D}"/>
    <dgm:cxn modelId="{A513AC9D-7FF6-4592-84DF-BF68E97457EB}" type="presParOf" srcId="{3F1DDD75-83FD-4171-BE08-6D68AB4F25F6}" destId="{24FCF2D6-1E91-4F7B-B4CC-34C884110A94}" srcOrd="0" destOrd="0" presId="urn:microsoft.com/office/officeart/2005/8/layout/chevron2"/>
    <dgm:cxn modelId="{268EE098-C568-4DE7-A292-8FED07A41D4C}" type="presParOf" srcId="{24FCF2D6-1E91-4F7B-B4CC-34C884110A94}" destId="{CD992091-5291-419D-B834-30952EEA906B}" srcOrd="0" destOrd="0" presId="urn:microsoft.com/office/officeart/2005/8/layout/chevron2"/>
    <dgm:cxn modelId="{9283683B-B7CB-4E38-9969-14D78DC068F8}" type="presParOf" srcId="{24FCF2D6-1E91-4F7B-B4CC-34C884110A94}" destId="{4E8CD377-ED9E-47D9-A17D-082C2EE22440}" srcOrd="1" destOrd="0" presId="urn:microsoft.com/office/officeart/2005/8/layout/chevron2"/>
    <dgm:cxn modelId="{94865FDE-EB84-41DF-BEF0-365665D5B7A0}" type="presParOf" srcId="{3F1DDD75-83FD-4171-BE08-6D68AB4F25F6}" destId="{F22C516E-792F-4D69-BECE-57E2ED32F698}" srcOrd="1" destOrd="0" presId="urn:microsoft.com/office/officeart/2005/8/layout/chevron2"/>
    <dgm:cxn modelId="{454845EA-B956-40D6-847C-318829AD89EB}" type="presParOf" srcId="{3F1DDD75-83FD-4171-BE08-6D68AB4F25F6}" destId="{6B0FEDCA-7156-42E4-9BA6-2157011F8DFA}" srcOrd="2" destOrd="0" presId="urn:microsoft.com/office/officeart/2005/8/layout/chevron2"/>
    <dgm:cxn modelId="{8B9B347D-ED04-4E61-8099-B1594021AE9B}" type="presParOf" srcId="{6B0FEDCA-7156-42E4-9BA6-2157011F8DFA}" destId="{B84447A9-7769-4B89-A153-D13472248A03}" srcOrd="0" destOrd="0" presId="urn:microsoft.com/office/officeart/2005/8/layout/chevron2"/>
    <dgm:cxn modelId="{9E0173E1-83EF-4ECE-81B4-FF76139059DC}" type="presParOf" srcId="{6B0FEDCA-7156-42E4-9BA6-2157011F8DFA}" destId="{69CA2E35-D96F-46C6-AED1-C23FAC9CEBBA}" srcOrd="1" destOrd="0" presId="urn:microsoft.com/office/officeart/2005/8/layout/chevron2"/>
    <dgm:cxn modelId="{9370F4F7-425D-4A5B-957E-2872AAC4E1E9}" type="presParOf" srcId="{3F1DDD75-83FD-4171-BE08-6D68AB4F25F6}" destId="{3AE9C86E-F528-45AC-B321-84465AA55707}" srcOrd="3" destOrd="0" presId="urn:microsoft.com/office/officeart/2005/8/layout/chevron2"/>
    <dgm:cxn modelId="{BB8DF320-BFC5-4A5A-9F1E-4E771B54AF68}" type="presParOf" srcId="{3F1DDD75-83FD-4171-BE08-6D68AB4F25F6}" destId="{767BAC78-B12A-43C4-8929-C7BE7C2F5325}" srcOrd="4" destOrd="0" presId="urn:microsoft.com/office/officeart/2005/8/layout/chevron2"/>
    <dgm:cxn modelId="{6014A787-F372-4D9C-9944-5CC67E646219}" type="presParOf" srcId="{767BAC78-B12A-43C4-8929-C7BE7C2F5325}" destId="{DE71186C-658E-44E3-8DC9-B61919D17915}" srcOrd="0" destOrd="0" presId="urn:microsoft.com/office/officeart/2005/8/layout/chevron2"/>
    <dgm:cxn modelId="{974DC50A-3B53-4FB7-BBCD-B88B3C4E8D76}" type="presParOf" srcId="{767BAC78-B12A-43C4-8929-C7BE7C2F5325}" destId="{499B2D80-D839-40F2-9485-CE981433277E}" srcOrd="1" destOrd="0" presId="urn:microsoft.com/office/officeart/2005/8/layout/chevron2"/>
    <dgm:cxn modelId="{3FD1F864-58E1-49DA-9408-FE14C6DA90AA}" type="presParOf" srcId="{3F1DDD75-83FD-4171-BE08-6D68AB4F25F6}" destId="{01A1F3BD-1523-445F-A622-CCE3697E7844}" srcOrd="5" destOrd="0" presId="urn:microsoft.com/office/officeart/2005/8/layout/chevron2"/>
    <dgm:cxn modelId="{DB8DA16C-C809-4169-BF02-A53661C6C690}" type="presParOf" srcId="{3F1DDD75-83FD-4171-BE08-6D68AB4F25F6}" destId="{967AD6DA-7C91-4881-8893-3595A5B87D52}" srcOrd="6" destOrd="0" presId="urn:microsoft.com/office/officeart/2005/8/layout/chevron2"/>
    <dgm:cxn modelId="{BDCDFB45-8ACF-49EA-A786-28F963A6779C}" type="presParOf" srcId="{967AD6DA-7C91-4881-8893-3595A5B87D52}" destId="{4EDD2FC0-3920-4C46-AE3F-F73F7FA0DF15}" srcOrd="0" destOrd="0" presId="urn:microsoft.com/office/officeart/2005/8/layout/chevron2"/>
    <dgm:cxn modelId="{EE5055F9-2C19-452F-AB68-0DEB38685907}" type="presParOf" srcId="{967AD6DA-7C91-4881-8893-3595A5B87D52}" destId="{7C867C28-9844-4A99-B6D4-E15321916D19}" srcOrd="1" destOrd="0" presId="urn:microsoft.com/office/officeart/2005/8/layout/chevron2"/>
    <dgm:cxn modelId="{2132A88F-ECA1-4005-8570-7E978503B366}" type="presParOf" srcId="{3F1DDD75-83FD-4171-BE08-6D68AB4F25F6}" destId="{7777C9F6-B7CD-4004-BE1D-1E59A14C6CB4}" srcOrd="7" destOrd="0" presId="urn:microsoft.com/office/officeart/2005/8/layout/chevron2"/>
    <dgm:cxn modelId="{1891A9AE-E11A-49C5-90F3-2867CC404ABA}" type="presParOf" srcId="{3F1DDD75-83FD-4171-BE08-6D68AB4F25F6}" destId="{B0EAE633-D9B1-44F2-9709-0D591C2F3DFA}" srcOrd="8" destOrd="0" presId="urn:microsoft.com/office/officeart/2005/8/layout/chevron2"/>
    <dgm:cxn modelId="{C8B3D239-A8ED-42CA-9B00-F5808DD167B3}" type="presParOf" srcId="{B0EAE633-D9B1-44F2-9709-0D591C2F3DFA}" destId="{47E55E6F-D470-43CB-946B-DD48BCA9FB8C}" srcOrd="0" destOrd="0" presId="urn:microsoft.com/office/officeart/2005/8/layout/chevron2"/>
    <dgm:cxn modelId="{3A5D823C-5D5C-4F1B-BB2B-1FF9F8254C95}" type="presParOf" srcId="{B0EAE633-D9B1-44F2-9709-0D591C2F3DFA}" destId="{FCE1DEF1-C0BF-4199-BB12-200D9B4A0D64}" srcOrd="1" destOrd="0" presId="urn:microsoft.com/office/officeart/2005/8/layout/chevron2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8.xml><?xml version="1.0" encoding="utf-8"?>
<dgm:dataModel xmlns:dgm="http://schemas.openxmlformats.org/drawingml/2006/diagram" xmlns:a="http://schemas.openxmlformats.org/drawingml/2006/main">
  <dgm:ptLst>
    <dgm:pt modelId="{A24CFD83-3ADA-464B-8C70-5C40A2B9EA3F}" type="doc">
      <dgm:prSet loTypeId="urn:microsoft.com/office/officeart/2005/8/layout/chevron2" loCatId="list" qsTypeId="urn:microsoft.com/office/officeart/2005/8/quickstyle/simple1" qsCatId="simple" csTypeId="urn:microsoft.com/office/officeart/2005/8/colors/accent3_1" csCatId="accent3" phldr="1"/>
      <dgm:spPr/>
      <dgm:t>
        <a:bodyPr/>
        <a:lstStyle/>
        <a:p>
          <a:endParaRPr lang="ru-RU"/>
        </a:p>
      </dgm:t>
    </dgm:pt>
    <dgm:pt modelId="{895C3716-D4BF-4B65-98B5-AFB97126DF57}">
      <dgm:prSet phldrT="[Текст]" phldr="1"/>
      <dgm:spPr/>
      <dgm:t>
        <a:bodyPr/>
        <a:lstStyle/>
        <a:p>
          <a:endParaRPr lang="ru-RU" dirty="0">
            <a:solidFill>
              <a:srgbClr val="0843B8"/>
            </a:solidFill>
          </a:endParaRPr>
        </a:p>
      </dgm:t>
    </dgm:pt>
    <dgm:pt modelId="{F44B9C55-E34E-4BFB-997C-F806647F2339}" type="parTrans" cxnId="{2CFA1280-D432-4607-9BE5-023A33FBCEBB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81F3DD5F-E99C-40C0-8ADA-3864636FE76C}" type="sibTrans" cxnId="{2CFA1280-D432-4607-9BE5-023A33FBCEBB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ABE4F07C-DD64-467C-A960-33E262CC00DE}">
      <dgm:prSet phldrT="[Текст]" custT="1"/>
      <dgm:spPr/>
      <dgm:t>
        <a:bodyPr/>
        <a:lstStyle/>
        <a:p>
          <a:r>
            <a:rPr lang="ru-RU" sz="1500" b="1" dirty="0" smtClean="0">
              <a:solidFill>
                <a:srgbClr val="0843B8"/>
              </a:solidFill>
            </a:rPr>
            <a:t> Общий </a:t>
          </a:r>
          <a:r>
            <a:rPr lang="ru-RU" sz="1500" b="1" dirty="0" err="1" smtClean="0">
              <a:solidFill>
                <a:srgbClr val="0843B8"/>
              </a:solidFill>
            </a:rPr>
            <a:t>видеобзор</a:t>
          </a:r>
          <a:r>
            <a:rPr lang="ru-RU" sz="1500" b="1" dirty="0" smtClean="0">
              <a:solidFill>
                <a:srgbClr val="0843B8"/>
              </a:solidFill>
            </a:rPr>
            <a:t>: цели, задачи – 1,5 мин</a:t>
          </a:r>
          <a:r>
            <a:rPr lang="ru-RU" sz="1400" b="0" dirty="0" smtClean="0">
              <a:solidFill>
                <a:srgbClr val="0843B8"/>
              </a:solidFill>
            </a:rPr>
            <a:t>.</a:t>
          </a:r>
          <a:endParaRPr lang="ru-RU" sz="1400" b="0" dirty="0">
            <a:solidFill>
              <a:srgbClr val="0843B8"/>
            </a:solidFill>
          </a:endParaRPr>
        </a:p>
      </dgm:t>
    </dgm:pt>
    <dgm:pt modelId="{46D083E5-35B4-4E00-95B6-29ACFBF51882}" type="parTrans" cxnId="{564898AD-FBCC-4CF2-8B4E-17B032F2A767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14420BA5-86AA-488C-90ED-3F366F2359CF}" type="sibTrans" cxnId="{564898AD-FBCC-4CF2-8B4E-17B032F2A767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E4FA4FAD-B600-45E1-A68A-4D6C1DF5CFC9}">
      <dgm:prSet phldrT="[Текст]" phldr="1"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96ED11EA-0794-4FB2-A744-0F274932B2E2}" type="parTrans" cxnId="{20952405-D22D-4021-ACBC-B9ED37130EE8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D2D86442-7E4D-47E0-BDB6-F320AF41C0DB}" type="sibTrans" cxnId="{20952405-D22D-4021-ACBC-B9ED37130EE8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F641617E-87EB-4A83-82E0-6C37ABD7AAC5}">
      <dgm:prSet phldrT="[Текст]" custT="1"/>
      <dgm:spPr/>
      <dgm:t>
        <a:bodyPr/>
        <a:lstStyle/>
        <a:p>
          <a:r>
            <a:rPr lang="ru-RU" sz="1400" b="1" dirty="0" smtClean="0">
              <a:solidFill>
                <a:srgbClr val="0843B8"/>
              </a:solidFill>
            </a:rPr>
            <a:t> </a:t>
          </a:r>
          <a:r>
            <a:rPr lang="ru-RU" sz="1500" b="1" dirty="0" smtClean="0">
              <a:solidFill>
                <a:srgbClr val="0843B8"/>
              </a:solidFill>
            </a:rPr>
            <a:t>Вводный тест</a:t>
          </a:r>
          <a:endParaRPr lang="ru-RU" sz="1500" b="1" dirty="0">
            <a:solidFill>
              <a:srgbClr val="0843B8"/>
            </a:solidFill>
          </a:endParaRPr>
        </a:p>
      </dgm:t>
    </dgm:pt>
    <dgm:pt modelId="{2D758B55-F94E-4D53-A7DA-C4CF3BF17F32}" type="parTrans" cxnId="{AF3070BA-FFC5-487F-A434-BFD946FAD82D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F461EB5B-34B1-4912-A98B-E4C70AE2B66A}" type="sibTrans" cxnId="{AF3070BA-FFC5-487F-A434-BFD946FAD82D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FD04F245-AFC2-47B9-A5F6-0AEE766B45B6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Т1</a:t>
          </a:r>
          <a:endParaRPr lang="ru-RU" b="1" dirty="0">
            <a:solidFill>
              <a:srgbClr val="0843B8"/>
            </a:solidFill>
          </a:endParaRPr>
        </a:p>
      </dgm:t>
    </dgm:pt>
    <dgm:pt modelId="{E4764651-1E67-4C49-BCAE-7A7D00FC3690}" type="parTrans" cxnId="{10D70A59-53D7-4E57-A56B-A6542AFCDA9F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C50830CC-8A1B-4448-85FC-DB958BC02A7E}" type="sibTrans" cxnId="{10D70A59-53D7-4E57-A56B-A6542AFCDA9F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6A35848C-2FC5-437B-A434-377F29D9A5A7}">
      <dgm:prSet phldrT="[Текст]" custT="1"/>
      <dgm:spPr/>
      <dgm:t>
        <a:bodyPr/>
        <a:lstStyle/>
        <a:p>
          <a:r>
            <a:rPr lang="ru-RU" sz="1400" dirty="0" smtClean="0">
              <a:solidFill>
                <a:srgbClr val="0843B8"/>
              </a:solidFill>
            </a:rPr>
            <a:t> </a:t>
          </a:r>
          <a:r>
            <a:rPr lang="ru-RU" sz="1500" b="1" dirty="0" smtClean="0">
              <a:solidFill>
                <a:srgbClr val="0843B8"/>
              </a:solidFill>
            </a:rPr>
            <a:t>Задание</a:t>
          </a:r>
          <a:r>
            <a:rPr lang="ru-RU" sz="1500" b="1" dirty="0" smtClean="0">
              <a:solidFill>
                <a:srgbClr val="0843B8"/>
              </a:solidFill>
            </a:rPr>
            <a:t>; </a:t>
          </a:r>
          <a:r>
            <a:rPr lang="ru-RU" sz="1500" b="1" dirty="0" err="1" smtClean="0">
              <a:solidFill>
                <a:srgbClr val="0843B8"/>
              </a:solidFill>
            </a:rPr>
            <a:t>Видеоурок</a:t>
          </a:r>
          <a:r>
            <a:rPr lang="ru-RU" sz="1500" b="1" dirty="0" smtClean="0">
              <a:solidFill>
                <a:srgbClr val="0843B8"/>
              </a:solidFill>
            </a:rPr>
            <a:t> – 22 мин.; Задание для самостоятельной работы; Тест 1.2.</a:t>
          </a:r>
          <a:endParaRPr lang="ru-RU" sz="1500" b="1" dirty="0">
            <a:solidFill>
              <a:srgbClr val="0843B8"/>
            </a:solidFill>
          </a:endParaRPr>
        </a:p>
      </dgm:t>
    </dgm:pt>
    <dgm:pt modelId="{900B16AA-CB79-4B3E-AC9B-C6870400AE00}" type="parTrans" cxnId="{5C8A4E77-483C-4FEF-A401-C93C580CC05C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0B2009D9-F879-4C3F-AD91-47EF35229B47}" type="sibTrans" cxnId="{5C8A4E77-483C-4FEF-A401-C93C580CC05C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C38E8E63-FA1B-4A2B-AFAD-195A0BBE9E22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Т2</a:t>
          </a:r>
          <a:endParaRPr lang="ru-RU" b="1" dirty="0">
            <a:solidFill>
              <a:srgbClr val="0843B8"/>
            </a:solidFill>
          </a:endParaRPr>
        </a:p>
      </dgm:t>
    </dgm:pt>
    <dgm:pt modelId="{F079D82E-9BA0-4031-865C-E86E29065FBF}" type="parTrans" cxnId="{70240201-44A4-4109-8B4B-2AD29869995F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EF1C253B-9B72-435F-B2D0-9E49A43A517D}" type="sibTrans" cxnId="{70240201-44A4-4109-8B4B-2AD29869995F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02240A0E-BDDA-4293-B0E3-4A26750169B1}">
      <dgm:prSet phldrT="[Текст]" custT="1"/>
      <dgm:spPr/>
      <dgm:t>
        <a:bodyPr/>
        <a:lstStyle/>
        <a:p>
          <a:r>
            <a:rPr lang="ru-RU" sz="1400" b="1" dirty="0" smtClean="0">
              <a:solidFill>
                <a:srgbClr val="0843B8"/>
              </a:solidFill>
            </a:rPr>
            <a:t> </a:t>
          </a:r>
          <a:r>
            <a:rPr lang="ru-RU" sz="1500" b="1" dirty="0" smtClean="0">
              <a:solidFill>
                <a:srgbClr val="0843B8"/>
              </a:solidFill>
            </a:rPr>
            <a:t>Тест 2.1.; задание; </a:t>
          </a:r>
          <a:r>
            <a:rPr lang="ru-RU" sz="1500" b="1" dirty="0" err="1" smtClean="0">
              <a:solidFill>
                <a:srgbClr val="0843B8"/>
              </a:solidFill>
            </a:rPr>
            <a:t>Видеоурок</a:t>
          </a:r>
          <a:r>
            <a:rPr lang="ru-RU" sz="1500" b="1" dirty="0" smtClean="0">
              <a:solidFill>
                <a:srgbClr val="0843B8"/>
              </a:solidFill>
            </a:rPr>
            <a:t> – 34 мин.; Задание для самостоятельной работы; Тест 2.2.</a:t>
          </a:r>
          <a:endParaRPr lang="ru-RU" sz="1500" b="1" dirty="0">
            <a:solidFill>
              <a:srgbClr val="0843B8"/>
            </a:solidFill>
          </a:endParaRPr>
        </a:p>
      </dgm:t>
    </dgm:pt>
    <dgm:pt modelId="{AE57E64F-A58B-4EB8-9CE9-DD465B9D1C08}" type="parTrans" cxnId="{32DB53E3-B71C-4DE3-A5F1-9D8F424FE8B3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76915633-43E4-4BF9-BF44-76006F4651A8}" type="sibTrans" cxnId="{32DB53E3-B71C-4DE3-A5F1-9D8F424FE8B3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4C89E00E-E16A-49D5-BAA8-67B39BF48E8F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Т3</a:t>
          </a:r>
          <a:endParaRPr lang="ru-RU" b="1" dirty="0">
            <a:solidFill>
              <a:srgbClr val="0843B8"/>
            </a:solidFill>
          </a:endParaRPr>
        </a:p>
      </dgm:t>
    </dgm:pt>
    <dgm:pt modelId="{AD08423F-8F08-48BE-AC06-0E8E5F1A4D24}" type="parTrans" cxnId="{919802F9-8029-49EC-A3E1-129B9B54093D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9893D396-EBE2-40F1-A0A2-508386BE19B4}" type="sibTrans" cxnId="{919802F9-8029-49EC-A3E1-129B9B54093D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DF6DEE6B-F87B-4F76-AA0E-B2BD061E77C2}">
      <dgm:prSet phldrT="[Текст]" custT="1"/>
      <dgm:spPr/>
      <dgm:t>
        <a:bodyPr/>
        <a:lstStyle/>
        <a:p>
          <a:r>
            <a:rPr lang="ru-RU" sz="1400" dirty="0" smtClean="0">
              <a:solidFill>
                <a:srgbClr val="0843B8"/>
              </a:solidFill>
            </a:rPr>
            <a:t> </a:t>
          </a:r>
          <a:r>
            <a:rPr lang="ru-RU" sz="1500" b="1" dirty="0" smtClean="0">
              <a:solidFill>
                <a:srgbClr val="0843B8"/>
              </a:solidFill>
            </a:rPr>
            <a:t>Тест 3.1.; задание; </a:t>
          </a:r>
          <a:r>
            <a:rPr lang="ru-RU" sz="1500" b="1" dirty="0" err="1" smtClean="0">
              <a:solidFill>
                <a:srgbClr val="0843B8"/>
              </a:solidFill>
            </a:rPr>
            <a:t>Видеоурок</a:t>
          </a:r>
          <a:r>
            <a:rPr lang="ru-RU" sz="1500" b="1" dirty="0" smtClean="0">
              <a:solidFill>
                <a:srgbClr val="0843B8"/>
              </a:solidFill>
            </a:rPr>
            <a:t> – 30 мин.; Задание для самостоятельной работы; Тест 3.2.</a:t>
          </a:r>
          <a:endParaRPr lang="ru-RU" sz="1500" b="1" dirty="0">
            <a:solidFill>
              <a:srgbClr val="0843B8"/>
            </a:solidFill>
          </a:endParaRPr>
        </a:p>
      </dgm:t>
    </dgm:pt>
    <dgm:pt modelId="{B4A5EFF8-981A-426B-B693-BECD1617E4AD}" type="parTrans" cxnId="{F02D0650-3CD3-4639-8187-B62A320A403F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32789AAB-1864-47A8-9FFF-FC783F2CE26D}" type="sibTrans" cxnId="{F02D0650-3CD3-4639-8187-B62A320A403F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EAFCCF89-7E26-442F-8F54-782238B6C74F}">
      <dgm:prSet phldrT="[Текст]"/>
      <dgm:spPr/>
      <dgm:t>
        <a:bodyPr/>
        <a:lstStyle/>
        <a:p>
          <a:r>
            <a:rPr lang="ru-RU" b="1" dirty="0" smtClean="0">
              <a:solidFill>
                <a:srgbClr val="0843B8"/>
              </a:solidFill>
            </a:rPr>
            <a:t>Т4</a:t>
          </a:r>
          <a:endParaRPr lang="ru-RU" b="1" dirty="0">
            <a:solidFill>
              <a:srgbClr val="0843B8"/>
            </a:solidFill>
          </a:endParaRPr>
        </a:p>
      </dgm:t>
    </dgm:pt>
    <dgm:pt modelId="{7F10AF80-CEAB-43CE-97B2-10A0E4F67F40}" type="parTrans" cxnId="{69FDF0B5-4788-43B9-8BA1-878240427C83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EF1C4EB8-FCFB-4CB6-8ED9-E69DAE6C99B6}" type="sibTrans" cxnId="{69FDF0B5-4788-43B9-8BA1-878240427C83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AA8B2130-F7B8-4E1A-8108-3B5BA1EEF929}">
      <dgm:prSet phldrT="[Текст]" custT="1"/>
      <dgm:spPr/>
      <dgm:t>
        <a:bodyPr/>
        <a:lstStyle/>
        <a:p>
          <a:r>
            <a:rPr lang="ru-RU" sz="1400" dirty="0" smtClean="0">
              <a:solidFill>
                <a:srgbClr val="0843B8"/>
              </a:solidFill>
            </a:rPr>
            <a:t> </a:t>
          </a:r>
          <a:r>
            <a:rPr lang="ru-RU" sz="1500" b="1" dirty="0" smtClean="0">
              <a:solidFill>
                <a:srgbClr val="0843B8"/>
              </a:solidFill>
            </a:rPr>
            <a:t>Тест 4.1.; задание; </a:t>
          </a:r>
          <a:r>
            <a:rPr lang="ru-RU" sz="1500" b="1" dirty="0" err="1" smtClean="0">
              <a:solidFill>
                <a:srgbClr val="0843B8"/>
              </a:solidFill>
            </a:rPr>
            <a:t>Видеоурок</a:t>
          </a:r>
          <a:r>
            <a:rPr lang="ru-RU" sz="1500" b="1" dirty="0" smtClean="0">
              <a:solidFill>
                <a:srgbClr val="0843B8"/>
              </a:solidFill>
            </a:rPr>
            <a:t> – 24 мин.; Задание для самостоятельной работы; Тест 4.2.</a:t>
          </a:r>
          <a:endParaRPr lang="ru-RU" sz="1500" b="1" dirty="0">
            <a:solidFill>
              <a:srgbClr val="0843B8"/>
            </a:solidFill>
          </a:endParaRPr>
        </a:p>
      </dgm:t>
    </dgm:pt>
    <dgm:pt modelId="{FB3E3510-D3DB-4C79-BBB6-0A6A7E201181}" type="parTrans" cxnId="{3A0C50B7-9787-4C21-BD26-C0F0F2EF2753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1D07EBE1-0636-42E3-9393-37EAD6430FF2}" type="sibTrans" cxnId="{3A0C50B7-9787-4C21-BD26-C0F0F2EF2753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594303D8-F795-4DCA-B634-0E93D3CCFE5B}">
      <dgm:prSet phldrT="[Текст]"/>
      <dgm:spPr/>
      <dgm:t>
        <a:bodyPr/>
        <a:lstStyle/>
        <a:p>
          <a:r>
            <a:rPr lang="ru-RU" dirty="0" smtClean="0">
              <a:solidFill>
                <a:srgbClr val="0843B8"/>
              </a:solidFill>
            </a:rPr>
            <a:t>Т5</a:t>
          </a:r>
          <a:endParaRPr lang="ru-RU" dirty="0">
            <a:solidFill>
              <a:srgbClr val="0843B8"/>
            </a:solidFill>
          </a:endParaRPr>
        </a:p>
      </dgm:t>
    </dgm:pt>
    <dgm:pt modelId="{022EE290-9E5A-4D57-B95A-34285C8F4FC5}" type="parTrans" cxnId="{7C81A23C-DE8D-4F5B-AA78-774BC5F0B795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14FCE87C-C6DA-46F3-A215-1D6025FED95B}" type="sibTrans" cxnId="{7C81A23C-DE8D-4F5B-AA78-774BC5F0B795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DD9960D4-18F9-47FE-A9B8-31452D60CD16}">
      <dgm:prSet phldrT="[Текст]" custT="1"/>
      <dgm:spPr/>
      <dgm:t>
        <a:bodyPr/>
        <a:lstStyle/>
        <a:p>
          <a:r>
            <a:rPr lang="ru-RU" sz="1500" b="1" dirty="0" smtClean="0">
              <a:solidFill>
                <a:srgbClr val="0843B8"/>
              </a:solidFill>
            </a:rPr>
            <a:t> Задание; </a:t>
          </a:r>
          <a:r>
            <a:rPr lang="ru-RU" sz="1500" b="1" dirty="0" err="1" smtClean="0">
              <a:solidFill>
                <a:srgbClr val="0843B8"/>
              </a:solidFill>
            </a:rPr>
            <a:t>Видеоурок</a:t>
          </a:r>
          <a:r>
            <a:rPr lang="ru-RU" sz="1500" b="1" dirty="0" smtClean="0">
              <a:solidFill>
                <a:srgbClr val="0843B8"/>
              </a:solidFill>
            </a:rPr>
            <a:t> – 20 мин.; Задание для самостоятельной работы; Тест </a:t>
          </a:r>
          <a:endParaRPr lang="ru-RU" sz="1500" b="1" dirty="0">
            <a:solidFill>
              <a:srgbClr val="0843B8"/>
            </a:solidFill>
          </a:endParaRPr>
        </a:p>
      </dgm:t>
    </dgm:pt>
    <dgm:pt modelId="{4E4289AD-02B5-4C62-9A58-352AB4977324}" type="parTrans" cxnId="{03479144-039B-4840-BA36-E573C9893A97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B26D1EE4-D1CD-4985-B736-7F05E52A22C0}" type="sibTrans" cxnId="{03479144-039B-4840-BA36-E573C9893A97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099DBF79-81FF-4DC8-8D07-15DF63FD4247}">
      <dgm:prSet phldrT="[Текст]"/>
      <dgm:spPr/>
      <dgm:t>
        <a:bodyPr/>
        <a:lstStyle/>
        <a:p>
          <a:r>
            <a:rPr lang="ru-RU" dirty="0" smtClean="0">
              <a:solidFill>
                <a:srgbClr val="0843B8"/>
              </a:solidFill>
            </a:rPr>
            <a:t>Т6</a:t>
          </a:r>
          <a:endParaRPr lang="ru-RU" dirty="0">
            <a:solidFill>
              <a:srgbClr val="0843B8"/>
            </a:solidFill>
          </a:endParaRPr>
        </a:p>
      </dgm:t>
    </dgm:pt>
    <dgm:pt modelId="{6A5A4BFB-01DA-41EA-AE71-A7A28F8AF896}" type="parTrans" cxnId="{D3DE6C73-8E9A-4F3E-BCF3-A999812BB0DD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6AAE1014-2F0A-4E96-9D01-5D4960C9141E}" type="sibTrans" cxnId="{D3DE6C73-8E9A-4F3E-BCF3-A999812BB0DD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4E729F56-A55F-4083-AFA7-169205E8A2D3}">
      <dgm:prSet phldrT="[Текст]" custT="1"/>
      <dgm:spPr/>
      <dgm:t>
        <a:bodyPr/>
        <a:lstStyle/>
        <a:p>
          <a:r>
            <a:rPr lang="ru-RU" sz="1500" b="1" dirty="0" smtClean="0">
              <a:solidFill>
                <a:srgbClr val="0843B8"/>
              </a:solidFill>
            </a:rPr>
            <a:t> Задание; 5 </a:t>
          </a:r>
          <a:r>
            <a:rPr lang="ru-RU" sz="1500" b="1" dirty="0" err="1" smtClean="0">
              <a:solidFill>
                <a:srgbClr val="0843B8"/>
              </a:solidFill>
            </a:rPr>
            <a:t>видеоуроков</a:t>
          </a:r>
          <a:r>
            <a:rPr lang="ru-RU" sz="1500" b="1" dirty="0" smtClean="0">
              <a:solidFill>
                <a:srgbClr val="0843B8"/>
              </a:solidFill>
            </a:rPr>
            <a:t> – 5-40 мин.; Тест </a:t>
          </a:r>
          <a:endParaRPr lang="ru-RU" sz="1500" b="1" dirty="0">
            <a:solidFill>
              <a:srgbClr val="0843B8"/>
            </a:solidFill>
          </a:endParaRPr>
        </a:p>
      </dgm:t>
    </dgm:pt>
    <dgm:pt modelId="{B1D215A0-4467-427B-B5B9-8A571868E444}" type="parTrans" cxnId="{89C457E8-6039-487E-BDE6-79A5243810C4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61ABEB19-1512-44F6-9A8C-3B0CDAB819B0}" type="sibTrans" cxnId="{89C457E8-6039-487E-BDE6-79A5243810C4}">
      <dgm:prSet/>
      <dgm:spPr/>
      <dgm:t>
        <a:bodyPr/>
        <a:lstStyle/>
        <a:p>
          <a:endParaRPr lang="ru-RU">
            <a:solidFill>
              <a:srgbClr val="0843B8"/>
            </a:solidFill>
          </a:endParaRPr>
        </a:p>
      </dgm:t>
    </dgm:pt>
    <dgm:pt modelId="{92229AC1-2738-4EA8-91A9-4DE3F1A19D81}" type="pres">
      <dgm:prSet presAssocID="{A24CFD83-3ADA-464B-8C70-5C40A2B9EA3F}" presName="linearFlow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16D628BB-2C1B-46A7-9DD9-FA99162C0C14}" type="pres">
      <dgm:prSet presAssocID="{895C3716-D4BF-4B65-98B5-AFB97126DF57}" presName="composite" presStyleCnt="0"/>
      <dgm:spPr/>
    </dgm:pt>
    <dgm:pt modelId="{DEFE261F-9762-45A8-88CB-510F8DAFDC8E}" type="pres">
      <dgm:prSet presAssocID="{895C3716-D4BF-4B65-98B5-AFB97126DF57}" presName="parentText" presStyleLbl="alignNode1" presStyleIdx="0" presStyleCnt="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1F72CCEA-4E3B-40A1-AE99-4E7768ED14B8}" type="pres">
      <dgm:prSet presAssocID="{895C3716-D4BF-4B65-98B5-AFB97126DF57}" presName="descendantText" presStyleLbl="alignAcc1" presStyleIdx="0" presStyleCnt="8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2B33A1B8-614E-4F02-B7A1-40B5B10922E5}" type="pres">
      <dgm:prSet presAssocID="{81F3DD5F-E99C-40C0-8ADA-3864636FE76C}" presName="sp" presStyleCnt="0"/>
      <dgm:spPr/>
    </dgm:pt>
    <dgm:pt modelId="{08715DDE-DD14-4083-BED2-967CCE1D3185}" type="pres">
      <dgm:prSet presAssocID="{E4FA4FAD-B600-45E1-A68A-4D6C1DF5CFC9}" presName="composite" presStyleCnt="0"/>
      <dgm:spPr/>
    </dgm:pt>
    <dgm:pt modelId="{0D1646E9-64B6-4A74-9B9F-99FDB775BB16}" type="pres">
      <dgm:prSet presAssocID="{E4FA4FAD-B600-45E1-A68A-4D6C1DF5CFC9}" presName="parentText" presStyleLbl="alignNode1" presStyleIdx="1" presStyleCnt="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FF0A6F30-F94F-48B2-B48D-D8CD28AFFA99}" type="pres">
      <dgm:prSet presAssocID="{E4FA4FAD-B600-45E1-A68A-4D6C1DF5CFC9}" presName="descendantText" presStyleLbl="alignAcc1" presStyleIdx="1" presStyleCnt="8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A1935C2A-7492-4B63-9447-F221EA084425}" type="pres">
      <dgm:prSet presAssocID="{D2D86442-7E4D-47E0-BDB6-F320AF41C0DB}" presName="sp" presStyleCnt="0"/>
      <dgm:spPr/>
    </dgm:pt>
    <dgm:pt modelId="{4AF8F426-1725-4D45-AEC7-2BE5E6157912}" type="pres">
      <dgm:prSet presAssocID="{FD04F245-AFC2-47B9-A5F6-0AEE766B45B6}" presName="composite" presStyleCnt="0"/>
      <dgm:spPr/>
    </dgm:pt>
    <dgm:pt modelId="{1BD88B71-DDB8-49EE-8488-5854A562784F}" type="pres">
      <dgm:prSet presAssocID="{FD04F245-AFC2-47B9-A5F6-0AEE766B45B6}" presName="parentText" presStyleLbl="alignNode1" presStyleIdx="2" presStyleCnt="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E8F6619E-FE7C-44D3-8B2E-3704A0E24AC5}" type="pres">
      <dgm:prSet presAssocID="{FD04F245-AFC2-47B9-A5F6-0AEE766B45B6}" presName="descendantText" presStyleLbl="alignAcc1" presStyleIdx="2" presStyleCnt="8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A3BE60A3-C7D6-44EA-9787-A27A3C583013}" type="pres">
      <dgm:prSet presAssocID="{C50830CC-8A1B-4448-85FC-DB958BC02A7E}" presName="sp" presStyleCnt="0"/>
      <dgm:spPr/>
    </dgm:pt>
    <dgm:pt modelId="{20DC2AE9-6AA8-4BAD-9CA4-71D951D0D846}" type="pres">
      <dgm:prSet presAssocID="{C38E8E63-FA1B-4A2B-AFAD-195A0BBE9E22}" presName="composite" presStyleCnt="0"/>
      <dgm:spPr/>
    </dgm:pt>
    <dgm:pt modelId="{0D7C471D-AE61-4AFC-B636-D73BCB684CDE}" type="pres">
      <dgm:prSet presAssocID="{C38E8E63-FA1B-4A2B-AFAD-195A0BBE9E22}" presName="parentText" presStyleLbl="alignNode1" presStyleIdx="3" presStyleCnt="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91011A13-5716-45D7-8581-4B6CDCFDCD14}" type="pres">
      <dgm:prSet presAssocID="{C38E8E63-FA1B-4A2B-AFAD-195A0BBE9E22}" presName="descendantText" presStyleLbl="alignAcc1" presStyleIdx="3" presStyleCnt="8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79CE7C9F-F907-4084-B225-18AEE4DA0630}" type="pres">
      <dgm:prSet presAssocID="{EF1C253B-9B72-435F-B2D0-9E49A43A517D}" presName="sp" presStyleCnt="0"/>
      <dgm:spPr/>
    </dgm:pt>
    <dgm:pt modelId="{6CE73C37-E81C-44E8-84C8-C1BD5E5EFEA9}" type="pres">
      <dgm:prSet presAssocID="{4C89E00E-E16A-49D5-BAA8-67B39BF48E8F}" presName="composite" presStyleCnt="0"/>
      <dgm:spPr/>
    </dgm:pt>
    <dgm:pt modelId="{3C0415AD-C6C7-47D6-9BB2-54C3FE15B348}" type="pres">
      <dgm:prSet presAssocID="{4C89E00E-E16A-49D5-BAA8-67B39BF48E8F}" presName="parentText" presStyleLbl="alignNode1" presStyleIdx="4" presStyleCnt="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BA7447D1-1B2D-48D6-B60D-9A02E205F898}" type="pres">
      <dgm:prSet presAssocID="{4C89E00E-E16A-49D5-BAA8-67B39BF48E8F}" presName="descendantText" presStyleLbl="alignAcc1" presStyleIdx="4" presStyleCnt="8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A88B84B2-CBF9-4A01-AD7C-96DACEF9BE46}" type="pres">
      <dgm:prSet presAssocID="{9893D396-EBE2-40F1-A0A2-508386BE19B4}" presName="sp" presStyleCnt="0"/>
      <dgm:spPr/>
    </dgm:pt>
    <dgm:pt modelId="{CAFAD39F-B341-4937-B527-0243E9B706E1}" type="pres">
      <dgm:prSet presAssocID="{EAFCCF89-7E26-442F-8F54-782238B6C74F}" presName="composite" presStyleCnt="0"/>
      <dgm:spPr/>
    </dgm:pt>
    <dgm:pt modelId="{05D20C9D-19BB-4F3A-81C5-342B063CFF96}" type="pres">
      <dgm:prSet presAssocID="{EAFCCF89-7E26-442F-8F54-782238B6C74F}" presName="parentText" presStyleLbl="alignNode1" presStyleIdx="5" presStyleCnt="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3B55A202-B261-4BF9-BD78-5680C2E071AB}" type="pres">
      <dgm:prSet presAssocID="{EAFCCF89-7E26-442F-8F54-782238B6C74F}" presName="descendantText" presStyleLbl="alignAcc1" presStyleIdx="5" presStyleCnt="8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9D34EF4F-8852-48FC-BFE2-BD260D8E472D}" type="pres">
      <dgm:prSet presAssocID="{EF1C4EB8-FCFB-4CB6-8ED9-E69DAE6C99B6}" presName="sp" presStyleCnt="0"/>
      <dgm:spPr/>
    </dgm:pt>
    <dgm:pt modelId="{8184A9DC-C59E-43AA-A557-23F26B8E0AFD}" type="pres">
      <dgm:prSet presAssocID="{594303D8-F795-4DCA-B634-0E93D3CCFE5B}" presName="composite" presStyleCnt="0"/>
      <dgm:spPr/>
    </dgm:pt>
    <dgm:pt modelId="{E9BD0F45-9A6A-4B9C-BCC9-C3B9DF9A0721}" type="pres">
      <dgm:prSet presAssocID="{594303D8-F795-4DCA-B634-0E93D3CCFE5B}" presName="parentText" presStyleLbl="alignNode1" presStyleIdx="6" presStyleCnt="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5C036E85-11A4-4080-A901-4C0ECFA90E27}" type="pres">
      <dgm:prSet presAssocID="{594303D8-F795-4DCA-B634-0E93D3CCFE5B}" presName="descendantText" presStyleLbl="alignAcc1" presStyleIdx="6" presStyleCnt="8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337D4DDF-381F-49D4-9C40-928C34D92BB2}" type="pres">
      <dgm:prSet presAssocID="{14FCE87C-C6DA-46F3-A215-1D6025FED95B}" presName="sp" presStyleCnt="0"/>
      <dgm:spPr/>
    </dgm:pt>
    <dgm:pt modelId="{A96845D8-91D4-4910-B646-9811EAE9D9CD}" type="pres">
      <dgm:prSet presAssocID="{099DBF79-81FF-4DC8-8D07-15DF63FD4247}" presName="composite" presStyleCnt="0"/>
      <dgm:spPr/>
    </dgm:pt>
    <dgm:pt modelId="{3F342A88-0757-4CB7-BA01-83777CE69C97}" type="pres">
      <dgm:prSet presAssocID="{099DBF79-81FF-4DC8-8D07-15DF63FD4247}" presName="parentText" presStyleLbl="alignNode1" presStyleIdx="7" presStyleCnt="8">
        <dgm:presLayoutVars>
          <dgm:chMax val="1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EC7B07F3-4302-4B26-8459-D0D8D2A414B8}" type="pres">
      <dgm:prSet presAssocID="{099DBF79-81FF-4DC8-8D07-15DF63FD4247}" presName="descendantText" presStyleLbl="alignAcc1" presStyleIdx="7" presStyleCnt="8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564898AD-FBCC-4CF2-8B4E-17B032F2A767}" srcId="{895C3716-D4BF-4B65-98B5-AFB97126DF57}" destId="{ABE4F07C-DD64-467C-A960-33E262CC00DE}" srcOrd="0" destOrd="0" parTransId="{46D083E5-35B4-4E00-95B6-29ACFBF51882}" sibTransId="{14420BA5-86AA-488C-90ED-3F366F2359CF}"/>
    <dgm:cxn modelId="{B42DDF43-8E44-430A-9C85-85B9D2226F23}" type="presOf" srcId="{AA8B2130-F7B8-4E1A-8108-3B5BA1EEF929}" destId="{3B55A202-B261-4BF9-BD78-5680C2E071AB}" srcOrd="0" destOrd="0" presId="urn:microsoft.com/office/officeart/2005/8/layout/chevron2"/>
    <dgm:cxn modelId="{220394E1-D1C4-40C1-99FC-6665B47B5084}" type="presOf" srcId="{ABE4F07C-DD64-467C-A960-33E262CC00DE}" destId="{1F72CCEA-4E3B-40A1-AE99-4E7768ED14B8}" srcOrd="0" destOrd="0" presId="urn:microsoft.com/office/officeart/2005/8/layout/chevron2"/>
    <dgm:cxn modelId="{DC0D374A-98CB-45CD-BC42-F66AA633546C}" type="presOf" srcId="{6A35848C-2FC5-437B-A434-377F29D9A5A7}" destId="{E8F6619E-FE7C-44D3-8B2E-3704A0E24AC5}" srcOrd="0" destOrd="0" presId="urn:microsoft.com/office/officeart/2005/8/layout/chevron2"/>
    <dgm:cxn modelId="{5C8A4E77-483C-4FEF-A401-C93C580CC05C}" srcId="{FD04F245-AFC2-47B9-A5F6-0AEE766B45B6}" destId="{6A35848C-2FC5-437B-A434-377F29D9A5A7}" srcOrd="0" destOrd="0" parTransId="{900B16AA-CB79-4B3E-AC9B-C6870400AE00}" sibTransId="{0B2009D9-F879-4C3F-AD91-47EF35229B47}"/>
    <dgm:cxn modelId="{32DB53E3-B71C-4DE3-A5F1-9D8F424FE8B3}" srcId="{C38E8E63-FA1B-4A2B-AFAD-195A0BBE9E22}" destId="{02240A0E-BDDA-4293-B0E3-4A26750169B1}" srcOrd="0" destOrd="0" parTransId="{AE57E64F-A58B-4EB8-9CE9-DD465B9D1C08}" sibTransId="{76915633-43E4-4BF9-BF44-76006F4651A8}"/>
    <dgm:cxn modelId="{CBBAF526-7045-4D4B-966F-764830B49769}" type="presOf" srcId="{C38E8E63-FA1B-4A2B-AFAD-195A0BBE9E22}" destId="{0D7C471D-AE61-4AFC-B636-D73BCB684CDE}" srcOrd="0" destOrd="0" presId="urn:microsoft.com/office/officeart/2005/8/layout/chevron2"/>
    <dgm:cxn modelId="{68C528E5-B5B2-44C7-8A9C-96EEE086A23C}" type="presOf" srcId="{EAFCCF89-7E26-442F-8F54-782238B6C74F}" destId="{05D20C9D-19BB-4F3A-81C5-342B063CFF96}" srcOrd="0" destOrd="0" presId="urn:microsoft.com/office/officeart/2005/8/layout/chevron2"/>
    <dgm:cxn modelId="{7C81A23C-DE8D-4F5B-AA78-774BC5F0B795}" srcId="{A24CFD83-3ADA-464B-8C70-5C40A2B9EA3F}" destId="{594303D8-F795-4DCA-B634-0E93D3CCFE5B}" srcOrd="6" destOrd="0" parTransId="{022EE290-9E5A-4D57-B95A-34285C8F4FC5}" sibTransId="{14FCE87C-C6DA-46F3-A215-1D6025FED95B}"/>
    <dgm:cxn modelId="{B0EEB93A-AE11-4E50-ABDC-5C20B8C3ACDC}" type="presOf" srcId="{594303D8-F795-4DCA-B634-0E93D3CCFE5B}" destId="{E9BD0F45-9A6A-4B9C-BCC9-C3B9DF9A0721}" srcOrd="0" destOrd="0" presId="urn:microsoft.com/office/officeart/2005/8/layout/chevron2"/>
    <dgm:cxn modelId="{70240201-44A4-4109-8B4B-2AD29869995F}" srcId="{A24CFD83-3ADA-464B-8C70-5C40A2B9EA3F}" destId="{C38E8E63-FA1B-4A2B-AFAD-195A0BBE9E22}" srcOrd="3" destOrd="0" parTransId="{F079D82E-9BA0-4031-865C-E86E29065FBF}" sibTransId="{EF1C253B-9B72-435F-B2D0-9E49A43A517D}"/>
    <dgm:cxn modelId="{2CFA1280-D432-4607-9BE5-023A33FBCEBB}" srcId="{A24CFD83-3ADA-464B-8C70-5C40A2B9EA3F}" destId="{895C3716-D4BF-4B65-98B5-AFB97126DF57}" srcOrd="0" destOrd="0" parTransId="{F44B9C55-E34E-4BFB-997C-F806647F2339}" sibTransId="{81F3DD5F-E99C-40C0-8ADA-3864636FE76C}"/>
    <dgm:cxn modelId="{20952405-D22D-4021-ACBC-B9ED37130EE8}" srcId="{A24CFD83-3ADA-464B-8C70-5C40A2B9EA3F}" destId="{E4FA4FAD-B600-45E1-A68A-4D6C1DF5CFC9}" srcOrd="1" destOrd="0" parTransId="{96ED11EA-0794-4FB2-A744-0F274932B2E2}" sibTransId="{D2D86442-7E4D-47E0-BDB6-F320AF41C0DB}"/>
    <dgm:cxn modelId="{48FEAF97-F678-4153-9C1E-215062E7E469}" type="presOf" srcId="{4C89E00E-E16A-49D5-BAA8-67B39BF48E8F}" destId="{3C0415AD-C6C7-47D6-9BB2-54C3FE15B348}" srcOrd="0" destOrd="0" presId="urn:microsoft.com/office/officeart/2005/8/layout/chevron2"/>
    <dgm:cxn modelId="{919802F9-8029-49EC-A3E1-129B9B54093D}" srcId="{A24CFD83-3ADA-464B-8C70-5C40A2B9EA3F}" destId="{4C89E00E-E16A-49D5-BAA8-67B39BF48E8F}" srcOrd="4" destOrd="0" parTransId="{AD08423F-8F08-48BE-AC06-0E8E5F1A4D24}" sibTransId="{9893D396-EBE2-40F1-A0A2-508386BE19B4}"/>
    <dgm:cxn modelId="{C895F819-6E2E-4B7D-8116-96013E4C7DB8}" type="presOf" srcId="{F641617E-87EB-4A83-82E0-6C37ABD7AAC5}" destId="{FF0A6F30-F94F-48B2-B48D-D8CD28AFFA99}" srcOrd="0" destOrd="0" presId="urn:microsoft.com/office/officeart/2005/8/layout/chevron2"/>
    <dgm:cxn modelId="{03479144-039B-4840-BA36-E573C9893A97}" srcId="{594303D8-F795-4DCA-B634-0E93D3CCFE5B}" destId="{DD9960D4-18F9-47FE-A9B8-31452D60CD16}" srcOrd="0" destOrd="0" parTransId="{4E4289AD-02B5-4C62-9A58-352AB4977324}" sibTransId="{B26D1EE4-D1CD-4985-B736-7F05E52A22C0}"/>
    <dgm:cxn modelId="{2391F8D7-4A3D-41C8-9668-75D5CC97479D}" type="presOf" srcId="{DF6DEE6B-F87B-4F76-AA0E-B2BD061E77C2}" destId="{BA7447D1-1B2D-48D6-B60D-9A02E205F898}" srcOrd="0" destOrd="0" presId="urn:microsoft.com/office/officeart/2005/8/layout/chevron2"/>
    <dgm:cxn modelId="{F8DC597A-96D3-4839-A7CB-B256B3A645B6}" type="presOf" srcId="{895C3716-D4BF-4B65-98B5-AFB97126DF57}" destId="{DEFE261F-9762-45A8-88CB-510F8DAFDC8E}" srcOrd="0" destOrd="0" presId="urn:microsoft.com/office/officeart/2005/8/layout/chevron2"/>
    <dgm:cxn modelId="{F24C5E2D-B10B-4E97-BD0F-8574386D7CE0}" type="presOf" srcId="{E4FA4FAD-B600-45E1-A68A-4D6C1DF5CFC9}" destId="{0D1646E9-64B6-4A74-9B9F-99FDB775BB16}" srcOrd="0" destOrd="0" presId="urn:microsoft.com/office/officeart/2005/8/layout/chevron2"/>
    <dgm:cxn modelId="{89C457E8-6039-487E-BDE6-79A5243810C4}" srcId="{099DBF79-81FF-4DC8-8D07-15DF63FD4247}" destId="{4E729F56-A55F-4083-AFA7-169205E8A2D3}" srcOrd="0" destOrd="0" parTransId="{B1D215A0-4467-427B-B5B9-8A571868E444}" sibTransId="{61ABEB19-1512-44F6-9A8C-3B0CDAB819B0}"/>
    <dgm:cxn modelId="{FE5AB1BC-901D-493C-AB36-DCED4B1D57A6}" type="presOf" srcId="{099DBF79-81FF-4DC8-8D07-15DF63FD4247}" destId="{3F342A88-0757-4CB7-BA01-83777CE69C97}" srcOrd="0" destOrd="0" presId="urn:microsoft.com/office/officeart/2005/8/layout/chevron2"/>
    <dgm:cxn modelId="{3292D301-657D-4E46-BCA1-9872688532F6}" type="presOf" srcId="{A24CFD83-3ADA-464B-8C70-5C40A2B9EA3F}" destId="{92229AC1-2738-4EA8-91A9-4DE3F1A19D81}" srcOrd="0" destOrd="0" presId="urn:microsoft.com/office/officeart/2005/8/layout/chevron2"/>
    <dgm:cxn modelId="{D3DE6C73-8E9A-4F3E-BCF3-A999812BB0DD}" srcId="{A24CFD83-3ADA-464B-8C70-5C40A2B9EA3F}" destId="{099DBF79-81FF-4DC8-8D07-15DF63FD4247}" srcOrd="7" destOrd="0" parTransId="{6A5A4BFB-01DA-41EA-AE71-A7A28F8AF896}" sibTransId="{6AAE1014-2F0A-4E96-9D01-5D4960C9141E}"/>
    <dgm:cxn modelId="{6076740E-266B-487B-9264-51ACE5F461BF}" type="presOf" srcId="{DD9960D4-18F9-47FE-A9B8-31452D60CD16}" destId="{5C036E85-11A4-4080-A901-4C0ECFA90E27}" srcOrd="0" destOrd="0" presId="urn:microsoft.com/office/officeart/2005/8/layout/chevron2"/>
    <dgm:cxn modelId="{72033B23-40A7-4136-A12E-7CF880504EC7}" type="presOf" srcId="{4E729F56-A55F-4083-AFA7-169205E8A2D3}" destId="{EC7B07F3-4302-4B26-8459-D0D8D2A414B8}" srcOrd="0" destOrd="0" presId="urn:microsoft.com/office/officeart/2005/8/layout/chevron2"/>
    <dgm:cxn modelId="{3A0C50B7-9787-4C21-BD26-C0F0F2EF2753}" srcId="{EAFCCF89-7E26-442F-8F54-782238B6C74F}" destId="{AA8B2130-F7B8-4E1A-8108-3B5BA1EEF929}" srcOrd="0" destOrd="0" parTransId="{FB3E3510-D3DB-4C79-BBB6-0A6A7E201181}" sibTransId="{1D07EBE1-0636-42E3-9393-37EAD6430FF2}"/>
    <dgm:cxn modelId="{AF3070BA-FFC5-487F-A434-BFD946FAD82D}" srcId="{E4FA4FAD-B600-45E1-A68A-4D6C1DF5CFC9}" destId="{F641617E-87EB-4A83-82E0-6C37ABD7AAC5}" srcOrd="0" destOrd="0" parTransId="{2D758B55-F94E-4D53-A7DA-C4CF3BF17F32}" sibTransId="{F461EB5B-34B1-4912-A98B-E4C70AE2B66A}"/>
    <dgm:cxn modelId="{F02D0650-3CD3-4639-8187-B62A320A403F}" srcId="{4C89E00E-E16A-49D5-BAA8-67B39BF48E8F}" destId="{DF6DEE6B-F87B-4F76-AA0E-B2BD061E77C2}" srcOrd="0" destOrd="0" parTransId="{B4A5EFF8-981A-426B-B693-BECD1617E4AD}" sibTransId="{32789AAB-1864-47A8-9FFF-FC783F2CE26D}"/>
    <dgm:cxn modelId="{10D70A59-53D7-4E57-A56B-A6542AFCDA9F}" srcId="{A24CFD83-3ADA-464B-8C70-5C40A2B9EA3F}" destId="{FD04F245-AFC2-47B9-A5F6-0AEE766B45B6}" srcOrd="2" destOrd="0" parTransId="{E4764651-1E67-4C49-BCAE-7A7D00FC3690}" sibTransId="{C50830CC-8A1B-4448-85FC-DB958BC02A7E}"/>
    <dgm:cxn modelId="{69FDF0B5-4788-43B9-8BA1-878240427C83}" srcId="{A24CFD83-3ADA-464B-8C70-5C40A2B9EA3F}" destId="{EAFCCF89-7E26-442F-8F54-782238B6C74F}" srcOrd="5" destOrd="0" parTransId="{7F10AF80-CEAB-43CE-97B2-10A0E4F67F40}" sibTransId="{EF1C4EB8-FCFB-4CB6-8ED9-E69DAE6C99B6}"/>
    <dgm:cxn modelId="{4849C466-41C3-41B8-B45A-1B2E2658E795}" type="presOf" srcId="{02240A0E-BDDA-4293-B0E3-4A26750169B1}" destId="{91011A13-5716-45D7-8581-4B6CDCFDCD14}" srcOrd="0" destOrd="0" presId="urn:microsoft.com/office/officeart/2005/8/layout/chevron2"/>
    <dgm:cxn modelId="{2242BBC5-F55E-4D5E-A323-9C9114E8FABF}" type="presOf" srcId="{FD04F245-AFC2-47B9-A5F6-0AEE766B45B6}" destId="{1BD88B71-DDB8-49EE-8488-5854A562784F}" srcOrd="0" destOrd="0" presId="urn:microsoft.com/office/officeart/2005/8/layout/chevron2"/>
    <dgm:cxn modelId="{B070E341-97C7-4EC1-962D-22A1B0F3FFAF}" type="presParOf" srcId="{92229AC1-2738-4EA8-91A9-4DE3F1A19D81}" destId="{16D628BB-2C1B-46A7-9DD9-FA99162C0C14}" srcOrd="0" destOrd="0" presId="urn:microsoft.com/office/officeart/2005/8/layout/chevron2"/>
    <dgm:cxn modelId="{88577752-AF02-43E1-A638-65BB2D4660D2}" type="presParOf" srcId="{16D628BB-2C1B-46A7-9DD9-FA99162C0C14}" destId="{DEFE261F-9762-45A8-88CB-510F8DAFDC8E}" srcOrd="0" destOrd="0" presId="urn:microsoft.com/office/officeart/2005/8/layout/chevron2"/>
    <dgm:cxn modelId="{D906D9FA-2EF9-4F95-88BD-81FE1457E90D}" type="presParOf" srcId="{16D628BB-2C1B-46A7-9DD9-FA99162C0C14}" destId="{1F72CCEA-4E3B-40A1-AE99-4E7768ED14B8}" srcOrd="1" destOrd="0" presId="urn:microsoft.com/office/officeart/2005/8/layout/chevron2"/>
    <dgm:cxn modelId="{EB23C454-4DAF-48C7-84F3-3A4776FB11EC}" type="presParOf" srcId="{92229AC1-2738-4EA8-91A9-4DE3F1A19D81}" destId="{2B33A1B8-614E-4F02-B7A1-40B5B10922E5}" srcOrd="1" destOrd="0" presId="urn:microsoft.com/office/officeart/2005/8/layout/chevron2"/>
    <dgm:cxn modelId="{3E63C1E0-546E-42D4-A73C-4771D2E2C9E5}" type="presParOf" srcId="{92229AC1-2738-4EA8-91A9-4DE3F1A19D81}" destId="{08715DDE-DD14-4083-BED2-967CCE1D3185}" srcOrd="2" destOrd="0" presId="urn:microsoft.com/office/officeart/2005/8/layout/chevron2"/>
    <dgm:cxn modelId="{ED1A20C9-5EFE-4706-988E-C62C227A083B}" type="presParOf" srcId="{08715DDE-DD14-4083-BED2-967CCE1D3185}" destId="{0D1646E9-64B6-4A74-9B9F-99FDB775BB16}" srcOrd="0" destOrd="0" presId="urn:microsoft.com/office/officeart/2005/8/layout/chevron2"/>
    <dgm:cxn modelId="{B1F00637-17E9-47CA-BBDE-77875FF1D238}" type="presParOf" srcId="{08715DDE-DD14-4083-BED2-967CCE1D3185}" destId="{FF0A6F30-F94F-48B2-B48D-D8CD28AFFA99}" srcOrd="1" destOrd="0" presId="urn:microsoft.com/office/officeart/2005/8/layout/chevron2"/>
    <dgm:cxn modelId="{9C108F3C-E441-4180-B0CE-3A08C08A8F1E}" type="presParOf" srcId="{92229AC1-2738-4EA8-91A9-4DE3F1A19D81}" destId="{A1935C2A-7492-4B63-9447-F221EA084425}" srcOrd="3" destOrd="0" presId="urn:microsoft.com/office/officeart/2005/8/layout/chevron2"/>
    <dgm:cxn modelId="{2DBCADB9-45A8-40A1-9B90-CDABCD8315B5}" type="presParOf" srcId="{92229AC1-2738-4EA8-91A9-4DE3F1A19D81}" destId="{4AF8F426-1725-4D45-AEC7-2BE5E6157912}" srcOrd="4" destOrd="0" presId="urn:microsoft.com/office/officeart/2005/8/layout/chevron2"/>
    <dgm:cxn modelId="{5EB16C95-D3FE-403B-B364-2B3A884C04B2}" type="presParOf" srcId="{4AF8F426-1725-4D45-AEC7-2BE5E6157912}" destId="{1BD88B71-DDB8-49EE-8488-5854A562784F}" srcOrd="0" destOrd="0" presId="urn:microsoft.com/office/officeart/2005/8/layout/chevron2"/>
    <dgm:cxn modelId="{9C38B434-8236-4220-9501-7435F9620B24}" type="presParOf" srcId="{4AF8F426-1725-4D45-AEC7-2BE5E6157912}" destId="{E8F6619E-FE7C-44D3-8B2E-3704A0E24AC5}" srcOrd="1" destOrd="0" presId="urn:microsoft.com/office/officeart/2005/8/layout/chevron2"/>
    <dgm:cxn modelId="{08A3C4F9-BE26-463B-90FF-75CE466CD55E}" type="presParOf" srcId="{92229AC1-2738-4EA8-91A9-4DE3F1A19D81}" destId="{A3BE60A3-C7D6-44EA-9787-A27A3C583013}" srcOrd="5" destOrd="0" presId="urn:microsoft.com/office/officeart/2005/8/layout/chevron2"/>
    <dgm:cxn modelId="{7B3EB5B3-18F0-4D51-B825-85A48E6E3E6D}" type="presParOf" srcId="{92229AC1-2738-4EA8-91A9-4DE3F1A19D81}" destId="{20DC2AE9-6AA8-4BAD-9CA4-71D951D0D846}" srcOrd="6" destOrd="0" presId="urn:microsoft.com/office/officeart/2005/8/layout/chevron2"/>
    <dgm:cxn modelId="{BCC2831E-1436-40FA-BA7E-F557074C46ED}" type="presParOf" srcId="{20DC2AE9-6AA8-4BAD-9CA4-71D951D0D846}" destId="{0D7C471D-AE61-4AFC-B636-D73BCB684CDE}" srcOrd="0" destOrd="0" presId="urn:microsoft.com/office/officeart/2005/8/layout/chevron2"/>
    <dgm:cxn modelId="{6BDBA888-8C36-4D8F-BDFC-45AF34BAFF57}" type="presParOf" srcId="{20DC2AE9-6AA8-4BAD-9CA4-71D951D0D846}" destId="{91011A13-5716-45D7-8581-4B6CDCFDCD14}" srcOrd="1" destOrd="0" presId="urn:microsoft.com/office/officeart/2005/8/layout/chevron2"/>
    <dgm:cxn modelId="{D39A6100-42E5-41AA-977E-F674F46729AA}" type="presParOf" srcId="{92229AC1-2738-4EA8-91A9-4DE3F1A19D81}" destId="{79CE7C9F-F907-4084-B225-18AEE4DA0630}" srcOrd="7" destOrd="0" presId="urn:microsoft.com/office/officeart/2005/8/layout/chevron2"/>
    <dgm:cxn modelId="{7EA9619B-5A4A-4927-8475-B7B78D47E758}" type="presParOf" srcId="{92229AC1-2738-4EA8-91A9-4DE3F1A19D81}" destId="{6CE73C37-E81C-44E8-84C8-C1BD5E5EFEA9}" srcOrd="8" destOrd="0" presId="urn:microsoft.com/office/officeart/2005/8/layout/chevron2"/>
    <dgm:cxn modelId="{5137689E-9BDE-49A7-AD56-597A81CC0924}" type="presParOf" srcId="{6CE73C37-E81C-44E8-84C8-C1BD5E5EFEA9}" destId="{3C0415AD-C6C7-47D6-9BB2-54C3FE15B348}" srcOrd="0" destOrd="0" presId="urn:microsoft.com/office/officeart/2005/8/layout/chevron2"/>
    <dgm:cxn modelId="{8F981BCE-D634-4E60-844B-A0B0CAECC76D}" type="presParOf" srcId="{6CE73C37-E81C-44E8-84C8-C1BD5E5EFEA9}" destId="{BA7447D1-1B2D-48D6-B60D-9A02E205F898}" srcOrd="1" destOrd="0" presId="urn:microsoft.com/office/officeart/2005/8/layout/chevron2"/>
    <dgm:cxn modelId="{6C4DCFDF-C40E-4839-B109-6B85FD3D5346}" type="presParOf" srcId="{92229AC1-2738-4EA8-91A9-4DE3F1A19D81}" destId="{A88B84B2-CBF9-4A01-AD7C-96DACEF9BE46}" srcOrd="9" destOrd="0" presId="urn:microsoft.com/office/officeart/2005/8/layout/chevron2"/>
    <dgm:cxn modelId="{04C5E2F9-BE07-4903-AFDC-306BAAE94A65}" type="presParOf" srcId="{92229AC1-2738-4EA8-91A9-4DE3F1A19D81}" destId="{CAFAD39F-B341-4937-B527-0243E9B706E1}" srcOrd="10" destOrd="0" presId="urn:microsoft.com/office/officeart/2005/8/layout/chevron2"/>
    <dgm:cxn modelId="{AB97BAA5-F44E-4932-A144-1B8D59971F06}" type="presParOf" srcId="{CAFAD39F-B341-4937-B527-0243E9B706E1}" destId="{05D20C9D-19BB-4F3A-81C5-342B063CFF96}" srcOrd="0" destOrd="0" presId="urn:microsoft.com/office/officeart/2005/8/layout/chevron2"/>
    <dgm:cxn modelId="{B3C1CA2D-A80C-4F21-BEA8-C5C60E78721F}" type="presParOf" srcId="{CAFAD39F-B341-4937-B527-0243E9B706E1}" destId="{3B55A202-B261-4BF9-BD78-5680C2E071AB}" srcOrd="1" destOrd="0" presId="urn:microsoft.com/office/officeart/2005/8/layout/chevron2"/>
    <dgm:cxn modelId="{13216288-9304-48BB-89F6-7AD107A98B02}" type="presParOf" srcId="{92229AC1-2738-4EA8-91A9-4DE3F1A19D81}" destId="{9D34EF4F-8852-48FC-BFE2-BD260D8E472D}" srcOrd="11" destOrd="0" presId="urn:microsoft.com/office/officeart/2005/8/layout/chevron2"/>
    <dgm:cxn modelId="{506C68B5-483F-483C-8B8F-CA7C620B7A34}" type="presParOf" srcId="{92229AC1-2738-4EA8-91A9-4DE3F1A19D81}" destId="{8184A9DC-C59E-43AA-A557-23F26B8E0AFD}" srcOrd="12" destOrd="0" presId="urn:microsoft.com/office/officeart/2005/8/layout/chevron2"/>
    <dgm:cxn modelId="{B7AB96F3-C59D-46A0-B52F-8066EC272973}" type="presParOf" srcId="{8184A9DC-C59E-43AA-A557-23F26B8E0AFD}" destId="{E9BD0F45-9A6A-4B9C-BCC9-C3B9DF9A0721}" srcOrd="0" destOrd="0" presId="urn:microsoft.com/office/officeart/2005/8/layout/chevron2"/>
    <dgm:cxn modelId="{98310EE9-E99B-40A2-BA2B-3EB176F6D3E0}" type="presParOf" srcId="{8184A9DC-C59E-43AA-A557-23F26B8E0AFD}" destId="{5C036E85-11A4-4080-A901-4C0ECFA90E27}" srcOrd="1" destOrd="0" presId="urn:microsoft.com/office/officeart/2005/8/layout/chevron2"/>
    <dgm:cxn modelId="{6699731B-3B76-47C3-BE14-F304A45DADE8}" type="presParOf" srcId="{92229AC1-2738-4EA8-91A9-4DE3F1A19D81}" destId="{337D4DDF-381F-49D4-9C40-928C34D92BB2}" srcOrd="13" destOrd="0" presId="urn:microsoft.com/office/officeart/2005/8/layout/chevron2"/>
    <dgm:cxn modelId="{3B7C3C3E-72A6-4D5F-A97A-04E0FB205CBB}" type="presParOf" srcId="{92229AC1-2738-4EA8-91A9-4DE3F1A19D81}" destId="{A96845D8-91D4-4910-B646-9811EAE9D9CD}" srcOrd="14" destOrd="0" presId="urn:microsoft.com/office/officeart/2005/8/layout/chevron2"/>
    <dgm:cxn modelId="{E6ADB916-D08B-4378-AA6C-C95DC516C71E}" type="presParOf" srcId="{A96845D8-91D4-4910-B646-9811EAE9D9CD}" destId="{3F342A88-0757-4CB7-BA01-83777CE69C97}" srcOrd="0" destOrd="0" presId="urn:microsoft.com/office/officeart/2005/8/layout/chevron2"/>
    <dgm:cxn modelId="{0EA60A1E-E2D9-4DB4-B751-4615F36C6F3B}" type="presParOf" srcId="{A96845D8-91D4-4910-B646-9811EAE9D9CD}" destId="{EC7B07F3-4302-4B26-8459-D0D8D2A414B8}" srcOrd="1" destOrd="0" presId="urn:microsoft.com/office/officeart/2005/8/layout/chevron2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9.xml><?xml version="1.0" encoding="utf-8"?>
<dgm:dataModel xmlns:dgm="http://schemas.openxmlformats.org/drawingml/2006/diagram" xmlns:a="http://schemas.openxmlformats.org/drawingml/2006/main">
  <dgm:ptLst>
    <dgm:pt modelId="{BB116612-5379-4445-9717-31E56815524D}" type="doc">
      <dgm:prSet loTypeId="urn:microsoft.com/office/officeart/2005/8/layout/process1" loCatId="process" qsTypeId="urn:microsoft.com/office/officeart/2005/8/quickstyle/simple1" qsCatId="simple" csTypeId="urn:microsoft.com/office/officeart/2005/8/colors/colorful2" csCatId="colorful" phldr="1"/>
      <dgm:spPr/>
    </dgm:pt>
    <dgm:pt modelId="{DF6F4DAB-E908-4B6A-B42D-514949E52B46}">
      <dgm:prSet phldrT="[Текст]"/>
      <dgm:spPr/>
      <dgm:t>
        <a:bodyPr/>
        <a:lstStyle/>
        <a:p>
          <a:r>
            <a:rPr lang="ru-RU" dirty="0" smtClean="0"/>
            <a:t>Регистрация</a:t>
          </a:r>
          <a:endParaRPr lang="ru-RU" dirty="0"/>
        </a:p>
      </dgm:t>
    </dgm:pt>
    <dgm:pt modelId="{4C34E8A6-7867-4C8A-8CDF-9D9EB9921366}" type="parTrans" cxnId="{CCD259AC-F259-4034-B218-B978A4097F23}">
      <dgm:prSet/>
      <dgm:spPr/>
      <dgm:t>
        <a:bodyPr/>
        <a:lstStyle/>
        <a:p>
          <a:endParaRPr lang="ru-RU"/>
        </a:p>
      </dgm:t>
    </dgm:pt>
    <dgm:pt modelId="{77DDB9D6-9A3F-4289-8E2B-365B9446D26C}" type="sibTrans" cxnId="{CCD259AC-F259-4034-B218-B978A4097F23}">
      <dgm:prSet/>
      <dgm:spPr/>
      <dgm:t>
        <a:bodyPr/>
        <a:lstStyle/>
        <a:p>
          <a:endParaRPr lang="ru-RU"/>
        </a:p>
      </dgm:t>
    </dgm:pt>
    <dgm:pt modelId="{2C36BE56-E29A-46A7-B76F-62D1CB6118E8}">
      <dgm:prSet phldrT="[Текст]"/>
      <dgm:spPr/>
      <dgm:t>
        <a:bodyPr/>
        <a:lstStyle/>
        <a:p>
          <a:r>
            <a:rPr lang="ru-RU" dirty="0" smtClean="0"/>
            <a:t>Обучение</a:t>
          </a:r>
          <a:endParaRPr lang="ru-RU" dirty="0"/>
        </a:p>
      </dgm:t>
    </dgm:pt>
    <dgm:pt modelId="{414C6A08-D605-47B3-B87D-F4A5885465A9}" type="parTrans" cxnId="{C41D24A9-6A4F-4AB6-8EB9-09EEFA836BDF}">
      <dgm:prSet/>
      <dgm:spPr/>
      <dgm:t>
        <a:bodyPr/>
        <a:lstStyle/>
        <a:p>
          <a:endParaRPr lang="ru-RU"/>
        </a:p>
      </dgm:t>
    </dgm:pt>
    <dgm:pt modelId="{C9299C0A-F5AD-4BD3-B392-EE9F1C4D658B}" type="sibTrans" cxnId="{C41D24A9-6A4F-4AB6-8EB9-09EEFA836BDF}">
      <dgm:prSet/>
      <dgm:spPr/>
      <dgm:t>
        <a:bodyPr/>
        <a:lstStyle/>
        <a:p>
          <a:endParaRPr lang="ru-RU"/>
        </a:p>
      </dgm:t>
    </dgm:pt>
    <dgm:pt modelId="{35078139-5C80-4267-97F7-2EA257CD25BD}">
      <dgm:prSet phldrT="[Текст]"/>
      <dgm:spPr/>
      <dgm:t>
        <a:bodyPr/>
        <a:lstStyle/>
        <a:p>
          <a:r>
            <a:rPr lang="ru-RU" dirty="0" smtClean="0"/>
            <a:t>Сертификат</a:t>
          </a:r>
          <a:endParaRPr lang="ru-RU" dirty="0"/>
        </a:p>
      </dgm:t>
    </dgm:pt>
    <dgm:pt modelId="{F1B341DA-FB2F-45CC-92EB-F763A44C1965}" type="parTrans" cxnId="{D5B85D07-B588-49D1-A4B7-CB6CF9FB00EA}">
      <dgm:prSet/>
      <dgm:spPr/>
      <dgm:t>
        <a:bodyPr/>
        <a:lstStyle/>
        <a:p>
          <a:endParaRPr lang="ru-RU"/>
        </a:p>
      </dgm:t>
    </dgm:pt>
    <dgm:pt modelId="{779E8535-57F6-44C8-ACEC-FFA9D13911AB}" type="sibTrans" cxnId="{D5B85D07-B588-49D1-A4B7-CB6CF9FB00EA}">
      <dgm:prSet/>
      <dgm:spPr/>
      <dgm:t>
        <a:bodyPr/>
        <a:lstStyle/>
        <a:p>
          <a:endParaRPr lang="ru-RU"/>
        </a:p>
      </dgm:t>
    </dgm:pt>
    <dgm:pt modelId="{3CFDD1F3-A212-4B03-9FF1-12F3FBF3E953}" type="pres">
      <dgm:prSet presAssocID="{BB116612-5379-4445-9717-31E56815524D}" presName="Name0" presStyleCnt="0">
        <dgm:presLayoutVars>
          <dgm:dir/>
          <dgm:resizeHandles val="exact"/>
        </dgm:presLayoutVars>
      </dgm:prSet>
      <dgm:spPr/>
    </dgm:pt>
    <dgm:pt modelId="{25F1297C-030C-4B9E-9A30-D3066C65B232}" type="pres">
      <dgm:prSet presAssocID="{DF6F4DAB-E908-4B6A-B42D-514949E52B46}" presName="node" presStyleLbl="node1" presStyleIdx="0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DB407181-2193-4B2A-AC96-37F8067E5908}" type="pres">
      <dgm:prSet presAssocID="{77DDB9D6-9A3F-4289-8E2B-365B9446D26C}" presName="sibTrans" presStyleLbl="sibTrans2D1" presStyleIdx="0" presStyleCnt="2"/>
      <dgm:spPr/>
      <dgm:t>
        <a:bodyPr/>
        <a:lstStyle/>
        <a:p>
          <a:endParaRPr lang="ru-RU"/>
        </a:p>
      </dgm:t>
    </dgm:pt>
    <dgm:pt modelId="{770C367A-C04A-443B-86AD-980EEBFC2073}" type="pres">
      <dgm:prSet presAssocID="{77DDB9D6-9A3F-4289-8E2B-365B9446D26C}" presName="connectorText" presStyleLbl="sibTrans2D1" presStyleIdx="0" presStyleCnt="2"/>
      <dgm:spPr/>
      <dgm:t>
        <a:bodyPr/>
        <a:lstStyle/>
        <a:p>
          <a:endParaRPr lang="ru-RU"/>
        </a:p>
      </dgm:t>
    </dgm:pt>
    <dgm:pt modelId="{896343C4-F91A-475E-A68C-665D75BF4723}" type="pres">
      <dgm:prSet presAssocID="{2C36BE56-E29A-46A7-B76F-62D1CB6118E8}" presName="node" presStyleLbl="node1" presStyleIdx="1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DC0B8756-AA7D-4F5B-AF59-9AF623C6A56E}" type="pres">
      <dgm:prSet presAssocID="{C9299C0A-F5AD-4BD3-B392-EE9F1C4D658B}" presName="sibTrans" presStyleLbl="sibTrans2D1" presStyleIdx="1" presStyleCnt="2"/>
      <dgm:spPr/>
      <dgm:t>
        <a:bodyPr/>
        <a:lstStyle/>
        <a:p>
          <a:endParaRPr lang="ru-RU"/>
        </a:p>
      </dgm:t>
    </dgm:pt>
    <dgm:pt modelId="{4DA8DD66-ABC1-455C-9F92-47C28BBCEAE1}" type="pres">
      <dgm:prSet presAssocID="{C9299C0A-F5AD-4BD3-B392-EE9F1C4D658B}" presName="connectorText" presStyleLbl="sibTrans2D1" presStyleIdx="1" presStyleCnt="2"/>
      <dgm:spPr/>
      <dgm:t>
        <a:bodyPr/>
        <a:lstStyle/>
        <a:p>
          <a:endParaRPr lang="ru-RU"/>
        </a:p>
      </dgm:t>
    </dgm:pt>
    <dgm:pt modelId="{D266B487-EBB6-4FBA-9498-FEF83EB6B719}" type="pres">
      <dgm:prSet presAssocID="{35078139-5C80-4267-97F7-2EA257CD25BD}" presName="node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374135A4-18A3-488B-9B20-B0BB105DEBAF}" type="presOf" srcId="{77DDB9D6-9A3F-4289-8E2B-365B9446D26C}" destId="{770C367A-C04A-443B-86AD-980EEBFC2073}" srcOrd="1" destOrd="0" presId="urn:microsoft.com/office/officeart/2005/8/layout/process1"/>
    <dgm:cxn modelId="{D8BB0FC9-E84C-42F0-AFD0-192BE2C8E56E}" type="presOf" srcId="{77DDB9D6-9A3F-4289-8E2B-365B9446D26C}" destId="{DB407181-2193-4B2A-AC96-37F8067E5908}" srcOrd="0" destOrd="0" presId="urn:microsoft.com/office/officeart/2005/8/layout/process1"/>
    <dgm:cxn modelId="{D5B85D07-B588-49D1-A4B7-CB6CF9FB00EA}" srcId="{BB116612-5379-4445-9717-31E56815524D}" destId="{35078139-5C80-4267-97F7-2EA257CD25BD}" srcOrd="2" destOrd="0" parTransId="{F1B341DA-FB2F-45CC-92EB-F763A44C1965}" sibTransId="{779E8535-57F6-44C8-ACEC-FFA9D13911AB}"/>
    <dgm:cxn modelId="{E46FB220-75A4-4061-8772-0BBFBD7F4600}" type="presOf" srcId="{C9299C0A-F5AD-4BD3-B392-EE9F1C4D658B}" destId="{4DA8DD66-ABC1-455C-9F92-47C28BBCEAE1}" srcOrd="1" destOrd="0" presId="urn:microsoft.com/office/officeart/2005/8/layout/process1"/>
    <dgm:cxn modelId="{CCD259AC-F259-4034-B218-B978A4097F23}" srcId="{BB116612-5379-4445-9717-31E56815524D}" destId="{DF6F4DAB-E908-4B6A-B42D-514949E52B46}" srcOrd="0" destOrd="0" parTransId="{4C34E8A6-7867-4C8A-8CDF-9D9EB9921366}" sibTransId="{77DDB9D6-9A3F-4289-8E2B-365B9446D26C}"/>
    <dgm:cxn modelId="{C41D24A9-6A4F-4AB6-8EB9-09EEFA836BDF}" srcId="{BB116612-5379-4445-9717-31E56815524D}" destId="{2C36BE56-E29A-46A7-B76F-62D1CB6118E8}" srcOrd="1" destOrd="0" parTransId="{414C6A08-D605-47B3-B87D-F4A5885465A9}" sibTransId="{C9299C0A-F5AD-4BD3-B392-EE9F1C4D658B}"/>
    <dgm:cxn modelId="{7D1D0C1B-641D-430F-ACC5-F180ED5031A5}" type="presOf" srcId="{BB116612-5379-4445-9717-31E56815524D}" destId="{3CFDD1F3-A212-4B03-9FF1-12F3FBF3E953}" srcOrd="0" destOrd="0" presId="urn:microsoft.com/office/officeart/2005/8/layout/process1"/>
    <dgm:cxn modelId="{ECB8D20D-DCAD-4D3B-96F3-AC337E929493}" type="presOf" srcId="{35078139-5C80-4267-97F7-2EA257CD25BD}" destId="{D266B487-EBB6-4FBA-9498-FEF83EB6B719}" srcOrd="0" destOrd="0" presId="urn:microsoft.com/office/officeart/2005/8/layout/process1"/>
    <dgm:cxn modelId="{345876A2-E84E-4BD9-BCFC-AA0699EA46B5}" type="presOf" srcId="{2C36BE56-E29A-46A7-B76F-62D1CB6118E8}" destId="{896343C4-F91A-475E-A68C-665D75BF4723}" srcOrd="0" destOrd="0" presId="urn:microsoft.com/office/officeart/2005/8/layout/process1"/>
    <dgm:cxn modelId="{D43BDC04-D9EE-476C-8CC8-68D8C746B9D9}" type="presOf" srcId="{C9299C0A-F5AD-4BD3-B392-EE9F1C4D658B}" destId="{DC0B8756-AA7D-4F5B-AF59-9AF623C6A56E}" srcOrd="0" destOrd="0" presId="urn:microsoft.com/office/officeart/2005/8/layout/process1"/>
    <dgm:cxn modelId="{304F7176-AC41-4308-BEFF-D33FE72CAF9B}" type="presOf" srcId="{DF6F4DAB-E908-4B6A-B42D-514949E52B46}" destId="{25F1297C-030C-4B9E-9A30-D3066C65B232}" srcOrd="0" destOrd="0" presId="urn:microsoft.com/office/officeart/2005/8/layout/process1"/>
    <dgm:cxn modelId="{F9C7CD31-930B-43CE-8667-CD8A520D0A56}" type="presParOf" srcId="{3CFDD1F3-A212-4B03-9FF1-12F3FBF3E953}" destId="{25F1297C-030C-4B9E-9A30-D3066C65B232}" srcOrd="0" destOrd="0" presId="urn:microsoft.com/office/officeart/2005/8/layout/process1"/>
    <dgm:cxn modelId="{1CDE092D-50C9-4582-8643-33B033BEA505}" type="presParOf" srcId="{3CFDD1F3-A212-4B03-9FF1-12F3FBF3E953}" destId="{DB407181-2193-4B2A-AC96-37F8067E5908}" srcOrd="1" destOrd="0" presId="urn:microsoft.com/office/officeart/2005/8/layout/process1"/>
    <dgm:cxn modelId="{97223562-E069-4CA4-9DF6-B3A8A707911C}" type="presParOf" srcId="{DB407181-2193-4B2A-AC96-37F8067E5908}" destId="{770C367A-C04A-443B-86AD-980EEBFC2073}" srcOrd="0" destOrd="0" presId="urn:microsoft.com/office/officeart/2005/8/layout/process1"/>
    <dgm:cxn modelId="{F2E45241-287A-4F5D-8832-2C90AD59E9C6}" type="presParOf" srcId="{3CFDD1F3-A212-4B03-9FF1-12F3FBF3E953}" destId="{896343C4-F91A-475E-A68C-665D75BF4723}" srcOrd="2" destOrd="0" presId="urn:microsoft.com/office/officeart/2005/8/layout/process1"/>
    <dgm:cxn modelId="{C28A06BB-32FC-489B-9A54-7929A046CBF9}" type="presParOf" srcId="{3CFDD1F3-A212-4B03-9FF1-12F3FBF3E953}" destId="{DC0B8756-AA7D-4F5B-AF59-9AF623C6A56E}" srcOrd="3" destOrd="0" presId="urn:microsoft.com/office/officeart/2005/8/layout/process1"/>
    <dgm:cxn modelId="{03ECE52C-0B5F-4D5C-B9B5-756929F1AFC3}" type="presParOf" srcId="{DC0B8756-AA7D-4F5B-AF59-9AF623C6A56E}" destId="{4DA8DD66-ABC1-455C-9F92-47C28BBCEAE1}" srcOrd="0" destOrd="0" presId="urn:microsoft.com/office/officeart/2005/8/layout/process1"/>
    <dgm:cxn modelId="{14C80A4F-8CB2-48AD-989A-E2B03428DA90}" type="presParOf" srcId="{3CFDD1F3-A212-4B03-9FF1-12F3FBF3E953}" destId="{D266B487-EBB6-4FBA-9498-FEF83EB6B719}" srcOrd="4" destOrd="0" presId="urn:microsoft.com/office/officeart/2005/8/layout/process1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02D33012-0304-4A47-844C-3B083B6DD1CB}">
      <dsp:nvSpPr>
        <dsp:cNvPr id="0" name=""/>
        <dsp:cNvSpPr/>
      </dsp:nvSpPr>
      <dsp:spPr>
        <a:xfrm rot="5400000">
          <a:off x="5065604" y="-1975508"/>
          <a:ext cx="998435" cy="5237479"/>
        </a:xfrm>
        <a:prstGeom prst="round2SameRect">
          <a:avLst/>
        </a:prstGeom>
        <a:solidFill>
          <a:schemeClr val="accent3">
            <a:tint val="40000"/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tint val="40000"/>
              <a:alpha val="9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247650" tIns="123825" rIns="247650" bIns="123825" numCol="1" spcCol="1270" anchor="ctr" anchorCtr="0">
          <a:noAutofit/>
        </a:bodyPr>
        <a:lstStyle/>
        <a:p>
          <a:pPr marL="171450" lvl="1" indent="-171450" algn="just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800" kern="1200" dirty="0" smtClean="0">
              <a:solidFill>
                <a:srgbClr val="0843B8"/>
              </a:solidFill>
            </a:rPr>
            <a:t>большое количество слушателей, не ограниченных географическим положением</a:t>
          </a:r>
          <a:endParaRPr lang="ru-RU" sz="1800" kern="1200" dirty="0">
            <a:solidFill>
              <a:srgbClr val="0843B8"/>
            </a:solidFill>
          </a:endParaRPr>
        </a:p>
      </dsp:txBody>
      <dsp:txXfrm rot="-5400000">
        <a:off x="2946082" y="192754"/>
        <a:ext cx="5188739" cy="900955"/>
      </dsp:txXfrm>
    </dsp:sp>
    <dsp:sp modelId="{172C1C0E-B168-49D5-96DB-F674CE18265B}">
      <dsp:nvSpPr>
        <dsp:cNvPr id="0" name=""/>
        <dsp:cNvSpPr/>
      </dsp:nvSpPr>
      <dsp:spPr>
        <a:xfrm>
          <a:off x="0" y="0"/>
          <a:ext cx="2946082" cy="1248044"/>
        </a:xfrm>
        <a:prstGeom prst="roundRect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5250" tIns="47625" rIns="95250" bIns="47625" numCol="1" spcCol="1270" anchor="ctr" anchorCtr="0">
          <a:noAutofit/>
        </a:bodyPr>
        <a:lstStyle/>
        <a:p>
          <a:pPr lvl="0" algn="ctr" defTabSz="11112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500" b="1" kern="1200" dirty="0" err="1" smtClean="0"/>
            <a:t>Massive</a:t>
          </a:r>
          <a:r>
            <a:rPr lang="ru-RU" sz="2500" kern="1200" dirty="0" smtClean="0"/>
            <a:t> (массовый):</a:t>
          </a:r>
          <a:r>
            <a:rPr lang="ru-RU" sz="2900" kern="1200" dirty="0" smtClean="0"/>
            <a:t> </a:t>
          </a:r>
          <a:endParaRPr lang="ru-RU" sz="2900" kern="1200" dirty="0"/>
        </a:p>
      </dsp:txBody>
      <dsp:txXfrm>
        <a:off x="60924" y="60924"/>
        <a:ext cx="2824234" cy="1126196"/>
      </dsp:txXfrm>
    </dsp:sp>
    <dsp:sp modelId="{AE2725FB-B338-4C66-9F99-286F173EB9B2}">
      <dsp:nvSpPr>
        <dsp:cNvPr id="0" name=""/>
        <dsp:cNvSpPr/>
      </dsp:nvSpPr>
      <dsp:spPr>
        <a:xfrm rot="5400000">
          <a:off x="5065604" y="-681675"/>
          <a:ext cx="998435" cy="5237479"/>
        </a:xfrm>
        <a:prstGeom prst="round2SameRect">
          <a:avLst/>
        </a:prstGeom>
        <a:solidFill>
          <a:schemeClr val="accent3">
            <a:tint val="40000"/>
            <a:alpha val="90000"/>
            <a:hueOff val="-1993057"/>
            <a:satOff val="-82"/>
            <a:lumOff val="290"/>
            <a:alphaOff val="0"/>
          </a:schemeClr>
        </a:solidFill>
        <a:ln w="42500" cap="flat" cmpd="sng" algn="ctr">
          <a:solidFill>
            <a:schemeClr val="accent3">
              <a:tint val="40000"/>
              <a:alpha val="90000"/>
              <a:hueOff val="-1993057"/>
              <a:satOff val="-82"/>
              <a:lumOff val="29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247650" tIns="123825" rIns="247650" bIns="123825" numCol="1" spcCol="1270" anchor="ctr" anchorCtr="0">
          <a:noAutofit/>
        </a:bodyPr>
        <a:lstStyle/>
        <a:p>
          <a:pPr marL="171450" lvl="1" indent="-171450" algn="just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800" kern="1200" dirty="0" smtClean="0">
              <a:solidFill>
                <a:srgbClr val="0843B8"/>
              </a:solidFill>
            </a:rPr>
            <a:t>бесплатное </a:t>
          </a:r>
          <a:r>
            <a:rPr lang="ru-RU" sz="1800" kern="1200" dirty="0" err="1" smtClean="0">
              <a:solidFill>
                <a:srgbClr val="0843B8"/>
              </a:solidFill>
            </a:rPr>
            <a:t>онлайн</a:t>
          </a:r>
          <a:r>
            <a:rPr lang="ru-RU" sz="1800" kern="1200" dirty="0" smtClean="0">
              <a:solidFill>
                <a:srgbClr val="0843B8"/>
              </a:solidFill>
            </a:rPr>
            <a:t> обучение для всех желающих</a:t>
          </a:r>
          <a:endParaRPr lang="ru-RU" sz="1800" kern="1200" dirty="0">
            <a:solidFill>
              <a:srgbClr val="0843B8"/>
            </a:solidFill>
          </a:endParaRPr>
        </a:p>
      </dsp:txBody>
      <dsp:txXfrm rot="-5400000">
        <a:off x="2946082" y="1486587"/>
        <a:ext cx="5188739" cy="900955"/>
      </dsp:txXfrm>
    </dsp:sp>
    <dsp:sp modelId="{BB3F643E-9438-455F-B0FA-5334984BB859}">
      <dsp:nvSpPr>
        <dsp:cNvPr id="0" name=""/>
        <dsp:cNvSpPr/>
      </dsp:nvSpPr>
      <dsp:spPr>
        <a:xfrm>
          <a:off x="0" y="1313041"/>
          <a:ext cx="2946082" cy="1248044"/>
        </a:xfrm>
        <a:prstGeom prst="roundRect">
          <a:avLst/>
        </a:prstGeom>
        <a:solidFill>
          <a:schemeClr val="accent3">
            <a:hueOff val="-1860324"/>
            <a:satOff val="-10190"/>
            <a:lumOff val="3137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5250" tIns="47625" rIns="95250" bIns="47625" numCol="1" spcCol="1270" anchor="ctr" anchorCtr="0">
          <a:noAutofit/>
        </a:bodyPr>
        <a:lstStyle/>
        <a:p>
          <a:pPr lvl="0" algn="ctr" defTabSz="11112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500" b="1" kern="1200" dirty="0" err="1" smtClean="0"/>
            <a:t>Open</a:t>
          </a:r>
          <a:r>
            <a:rPr lang="ru-RU" sz="2500" kern="1200" dirty="0" smtClean="0"/>
            <a:t> (открытый): </a:t>
          </a:r>
          <a:endParaRPr lang="ru-RU" sz="2500" kern="1200" dirty="0"/>
        </a:p>
      </dsp:txBody>
      <dsp:txXfrm>
        <a:off x="60924" y="1373965"/>
        <a:ext cx="2824234" cy="1126196"/>
      </dsp:txXfrm>
    </dsp:sp>
    <dsp:sp modelId="{0091625C-5BEE-432B-A2D0-02CC52EE0590}">
      <dsp:nvSpPr>
        <dsp:cNvPr id="0" name=""/>
        <dsp:cNvSpPr/>
      </dsp:nvSpPr>
      <dsp:spPr>
        <a:xfrm rot="5400000">
          <a:off x="5065604" y="628771"/>
          <a:ext cx="998435" cy="5237479"/>
        </a:xfrm>
        <a:prstGeom prst="round2SameRect">
          <a:avLst/>
        </a:prstGeom>
        <a:solidFill>
          <a:schemeClr val="accent3">
            <a:tint val="40000"/>
            <a:alpha val="90000"/>
            <a:hueOff val="-3986115"/>
            <a:satOff val="-165"/>
            <a:lumOff val="580"/>
            <a:alphaOff val="0"/>
          </a:schemeClr>
        </a:solidFill>
        <a:ln w="42500" cap="flat" cmpd="sng" algn="ctr">
          <a:solidFill>
            <a:schemeClr val="accent3">
              <a:tint val="40000"/>
              <a:alpha val="90000"/>
              <a:hueOff val="-3986115"/>
              <a:satOff val="-165"/>
              <a:lumOff val="58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247650" tIns="123825" rIns="247650" bIns="123825" numCol="1" spcCol="1270" anchor="ctr" anchorCtr="0">
          <a:noAutofit/>
        </a:bodyPr>
        <a:lstStyle/>
        <a:p>
          <a:pPr marL="171450" lvl="1" indent="-171450" algn="l" defTabSz="733425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650" kern="1200" dirty="0" smtClean="0">
              <a:solidFill>
                <a:srgbClr val="0843B8"/>
              </a:solidFill>
            </a:rPr>
            <a:t>курсы с использованием средств </a:t>
          </a:r>
          <a:r>
            <a:rPr lang="ru-RU" sz="1650" kern="1200" dirty="0" err="1" smtClean="0">
              <a:solidFill>
                <a:srgbClr val="0843B8"/>
              </a:solidFill>
            </a:rPr>
            <a:t>онлайн</a:t>
          </a:r>
          <a:r>
            <a:rPr lang="ru-RU" sz="1650" kern="1200" dirty="0" smtClean="0">
              <a:solidFill>
                <a:srgbClr val="0843B8"/>
              </a:solidFill>
            </a:rPr>
            <a:t> связи</a:t>
          </a:r>
          <a:r>
            <a:rPr lang="en-US" sz="1650" kern="1200" dirty="0" smtClean="0">
              <a:solidFill>
                <a:srgbClr val="0843B8"/>
              </a:solidFill>
            </a:rPr>
            <a:t>, </a:t>
          </a:r>
          <a:r>
            <a:rPr lang="ru-RU" sz="1650" kern="1200" dirty="0" smtClean="0">
              <a:solidFill>
                <a:srgbClr val="0843B8"/>
              </a:solidFill>
            </a:rPr>
            <a:t>находятся в свободном доступе</a:t>
          </a:r>
          <a:endParaRPr lang="ru-RU" sz="1650" kern="1200" dirty="0">
            <a:solidFill>
              <a:srgbClr val="0843B8"/>
            </a:solidFill>
          </a:endParaRPr>
        </a:p>
      </dsp:txBody>
      <dsp:txXfrm rot="-5400000">
        <a:off x="2946082" y="2797033"/>
        <a:ext cx="5188739" cy="900955"/>
      </dsp:txXfrm>
    </dsp:sp>
    <dsp:sp modelId="{097BC1B8-44F1-4AD4-AEAA-BB20BBC07F7F}">
      <dsp:nvSpPr>
        <dsp:cNvPr id="0" name=""/>
        <dsp:cNvSpPr/>
      </dsp:nvSpPr>
      <dsp:spPr>
        <a:xfrm>
          <a:off x="0" y="2623489"/>
          <a:ext cx="2946082" cy="1248044"/>
        </a:xfrm>
        <a:prstGeom prst="roundRect">
          <a:avLst/>
        </a:prstGeom>
        <a:solidFill>
          <a:schemeClr val="accent3">
            <a:hueOff val="-3720649"/>
            <a:satOff val="-20381"/>
            <a:lumOff val="6275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5250" tIns="47625" rIns="95250" bIns="47625" numCol="1" spcCol="1270" anchor="ctr" anchorCtr="0">
          <a:noAutofit/>
        </a:bodyPr>
        <a:lstStyle/>
        <a:p>
          <a:pPr lvl="0" algn="ctr" defTabSz="11112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500" b="1" kern="1200" dirty="0" err="1" smtClean="0"/>
            <a:t>Online</a:t>
          </a:r>
          <a:r>
            <a:rPr lang="ru-RU" sz="2500" kern="1200" dirty="0" smtClean="0"/>
            <a:t> (</a:t>
          </a:r>
          <a:r>
            <a:rPr lang="ru-RU" sz="2500" kern="1200" dirty="0" err="1" smtClean="0"/>
            <a:t>онлайн</a:t>
          </a:r>
          <a:r>
            <a:rPr lang="ru-RU" sz="2500" kern="1200" dirty="0" smtClean="0"/>
            <a:t>):</a:t>
          </a:r>
          <a:endParaRPr lang="ru-RU" sz="2500" kern="1200" dirty="0"/>
        </a:p>
      </dsp:txBody>
      <dsp:txXfrm>
        <a:off x="60924" y="2684413"/>
        <a:ext cx="2824234" cy="1126196"/>
      </dsp:txXfrm>
    </dsp:sp>
    <dsp:sp modelId="{54D546A3-365B-4B49-B1C6-82A8553F66A6}">
      <dsp:nvSpPr>
        <dsp:cNvPr id="0" name=""/>
        <dsp:cNvSpPr/>
      </dsp:nvSpPr>
      <dsp:spPr>
        <a:xfrm rot="5400000">
          <a:off x="5065604" y="1939218"/>
          <a:ext cx="998435" cy="5237479"/>
        </a:xfrm>
        <a:prstGeom prst="round2SameRect">
          <a:avLst/>
        </a:prstGeom>
        <a:solidFill>
          <a:schemeClr val="accent3">
            <a:tint val="40000"/>
            <a:alpha val="90000"/>
            <a:hueOff val="-5979172"/>
            <a:satOff val="-247"/>
            <a:lumOff val="870"/>
            <a:alphaOff val="0"/>
          </a:schemeClr>
        </a:solidFill>
        <a:ln w="42500" cap="flat" cmpd="sng" algn="ctr">
          <a:solidFill>
            <a:schemeClr val="accent3">
              <a:tint val="40000"/>
              <a:alpha val="90000"/>
              <a:hueOff val="-5979172"/>
              <a:satOff val="-247"/>
              <a:lumOff val="87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247650" tIns="123825" rIns="247650" bIns="123825" numCol="1" spcCol="1270" anchor="ctr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600" b="0" kern="1200" dirty="0" smtClean="0">
              <a:solidFill>
                <a:srgbClr val="0843B8"/>
              </a:solidFill>
            </a:rPr>
            <a:t>структурированная и упорядоченная подача информации с целями, правилами работы и временными ограничениями</a:t>
          </a:r>
          <a:endParaRPr lang="ru-RU" sz="1600" b="0" kern="1200" dirty="0">
            <a:solidFill>
              <a:srgbClr val="0843B8"/>
            </a:solidFill>
          </a:endParaRPr>
        </a:p>
      </dsp:txBody>
      <dsp:txXfrm rot="-5400000">
        <a:off x="2946082" y="4107480"/>
        <a:ext cx="5188739" cy="900955"/>
      </dsp:txXfrm>
    </dsp:sp>
    <dsp:sp modelId="{1B11F96A-C79D-4191-9081-91156DB29B94}">
      <dsp:nvSpPr>
        <dsp:cNvPr id="0" name=""/>
        <dsp:cNvSpPr/>
      </dsp:nvSpPr>
      <dsp:spPr>
        <a:xfrm>
          <a:off x="0" y="3933936"/>
          <a:ext cx="2946082" cy="1248044"/>
        </a:xfrm>
        <a:prstGeom prst="roundRect">
          <a:avLst/>
        </a:prstGeom>
        <a:solidFill>
          <a:schemeClr val="accent3">
            <a:hueOff val="-5580973"/>
            <a:satOff val="-30571"/>
            <a:lumOff val="9412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5250" tIns="47625" rIns="95250" bIns="47625" numCol="1" spcCol="1270" anchor="ctr" anchorCtr="0">
          <a:noAutofit/>
        </a:bodyPr>
        <a:lstStyle/>
        <a:p>
          <a:pPr lvl="0" algn="ctr" defTabSz="11112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500" b="1" kern="1200" dirty="0" err="1" smtClean="0"/>
            <a:t>Course</a:t>
          </a:r>
          <a:r>
            <a:rPr lang="ru-RU" sz="2500" kern="1200" dirty="0" smtClean="0"/>
            <a:t> </a:t>
          </a:r>
        </a:p>
        <a:p>
          <a:pPr lvl="0" algn="ctr" defTabSz="11112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500" kern="1200" dirty="0" smtClean="0"/>
            <a:t>(курс):</a:t>
          </a:r>
          <a:endParaRPr lang="ru-RU" sz="2500" kern="1200" dirty="0"/>
        </a:p>
      </dsp:txBody>
      <dsp:txXfrm>
        <a:off x="60924" y="3994860"/>
        <a:ext cx="2824234" cy="1126196"/>
      </dsp:txXfrm>
    </dsp:sp>
  </dsp:spTree>
</dsp:drawing>
</file>

<file path=ppt/diagrams/drawing10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CCDB5EB8-AA81-4F17-A172-2871ACD0225B}">
      <dsp:nvSpPr>
        <dsp:cNvPr id="0" name=""/>
        <dsp:cNvSpPr/>
      </dsp:nvSpPr>
      <dsp:spPr>
        <a:xfrm rot="5400000">
          <a:off x="-141791" y="141797"/>
          <a:ext cx="945273" cy="661691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" tIns="7620" rIns="7620" bIns="7620" numCol="1" spcCol="1270" anchor="ctr" anchorCtr="0">
          <a:noAutofit/>
        </a:bodyPr>
        <a:lstStyle/>
        <a:p>
          <a:pPr lvl="0" algn="ctr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200" b="1" kern="1200" dirty="0">
            <a:solidFill>
              <a:srgbClr val="0843B8"/>
            </a:solidFill>
          </a:endParaRPr>
        </a:p>
      </dsp:txBody>
      <dsp:txXfrm rot="-5400000">
        <a:off x="1" y="330852"/>
        <a:ext cx="661691" cy="283582"/>
      </dsp:txXfrm>
    </dsp:sp>
    <dsp:sp modelId="{E91C8901-BC3D-4703-AFFA-BC1438AEBE45}">
      <dsp:nvSpPr>
        <dsp:cNvPr id="0" name=""/>
        <dsp:cNvSpPr/>
      </dsp:nvSpPr>
      <dsp:spPr>
        <a:xfrm rot="5400000">
          <a:off x="4115412" y="-3453714"/>
          <a:ext cx="614427" cy="7521870"/>
        </a:xfrm>
        <a:prstGeom prst="round2Same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2065" rIns="12065" bIns="12065" numCol="1" spcCol="1270" anchor="ctr" anchorCtr="0">
          <a:noAutofit/>
        </a:bodyPr>
        <a:lstStyle/>
        <a:p>
          <a:pPr marL="171450" lvl="1" indent="-171450" algn="l" defTabSz="8445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900" b="1" kern="1200" dirty="0" smtClean="0">
              <a:solidFill>
                <a:srgbClr val="0843B8"/>
              </a:solidFill>
            </a:rPr>
            <a:t>Сформулированы цели и задачи обучения на курсе</a:t>
          </a:r>
          <a:endParaRPr lang="ru-RU" sz="1900" b="1" kern="1200" dirty="0">
            <a:solidFill>
              <a:srgbClr val="0843B8"/>
            </a:solidFill>
          </a:endParaRPr>
        </a:p>
      </dsp:txBody>
      <dsp:txXfrm rot="-5400000">
        <a:off x="661691" y="30001"/>
        <a:ext cx="7491876" cy="554439"/>
      </dsp:txXfrm>
    </dsp:sp>
    <dsp:sp modelId="{75C05349-1940-44C2-80E1-A135AD07AF99}">
      <dsp:nvSpPr>
        <dsp:cNvPr id="0" name=""/>
        <dsp:cNvSpPr/>
      </dsp:nvSpPr>
      <dsp:spPr>
        <a:xfrm rot="5400000">
          <a:off x="-141791" y="989377"/>
          <a:ext cx="945273" cy="661691"/>
        </a:xfrm>
        <a:prstGeom prst="chevron">
          <a:avLst/>
        </a:prstGeom>
        <a:solidFill>
          <a:schemeClr val="accent3">
            <a:hueOff val="-1116195"/>
            <a:satOff val="-6114"/>
            <a:lumOff val="1882"/>
            <a:alphaOff val="0"/>
          </a:schemeClr>
        </a:solidFill>
        <a:ln w="42500" cap="flat" cmpd="sng" algn="ctr">
          <a:solidFill>
            <a:schemeClr val="accent3">
              <a:hueOff val="-1116195"/>
              <a:satOff val="-6114"/>
              <a:lumOff val="1882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" tIns="7620" rIns="7620" bIns="7620" numCol="1" spcCol="1270" anchor="ctr" anchorCtr="0">
          <a:noAutofit/>
        </a:bodyPr>
        <a:lstStyle/>
        <a:p>
          <a:pPr lvl="0" algn="ctr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200" b="1" kern="1200" dirty="0">
            <a:solidFill>
              <a:srgbClr val="0843B8"/>
            </a:solidFill>
          </a:endParaRPr>
        </a:p>
      </dsp:txBody>
      <dsp:txXfrm rot="-5400000">
        <a:off x="1" y="1178432"/>
        <a:ext cx="661691" cy="283582"/>
      </dsp:txXfrm>
    </dsp:sp>
    <dsp:sp modelId="{7F874BCE-2128-47CF-B9B4-2989B2007B9A}">
      <dsp:nvSpPr>
        <dsp:cNvPr id="0" name=""/>
        <dsp:cNvSpPr/>
      </dsp:nvSpPr>
      <dsp:spPr>
        <a:xfrm rot="5400000">
          <a:off x="4115412" y="-2606134"/>
          <a:ext cx="614427" cy="7521870"/>
        </a:xfrm>
        <a:prstGeom prst="round2Same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-1116195"/>
              <a:satOff val="-6114"/>
              <a:lumOff val="1882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2065" rIns="12065" bIns="12065" numCol="1" spcCol="1270" anchor="ctr" anchorCtr="0">
          <a:noAutofit/>
        </a:bodyPr>
        <a:lstStyle/>
        <a:p>
          <a:pPr marL="171450" lvl="1" indent="-171450" algn="l" defTabSz="8445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900" b="1" kern="1200" dirty="0" smtClean="0">
              <a:solidFill>
                <a:srgbClr val="0843B8"/>
              </a:solidFill>
            </a:rPr>
            <a:t>Разработана программа курса и составлен сценарий курса</a:t>
          </a:r>
          <a:endParaRPr lang="ru-RU" sz="1900" b="1" kern="1200" dirty="0">
            <a:solidFill>
              <a:srgbClr val="0843B8"/>
            </a:solidFill>
          </a:endParaRPr>
        </a:p>
      </dsp:txBody>
      <dsp:txXfrm rot="-5400000">
        <a:off x="661691" y="877581"/>
        <a:ext cx="7491876" cy="554439"/>
      </dsp:txXfrm>
    </dsp:sp>
    <dsp:sp modelId="{358625AB-9394-4DA8-99F0-796D489BAB77}">
      <dsp:nvSpPr>
        <dsp:cNvPr id="0" name=""/>
        <dsp:cNvSpPr/>
      </dsp:nvSpPr>
      <dsp:spPr>
        <a:xfrm rot="5400000">
          <a:off x="-141791" y="1836957"/>
          <a:ext cx="945273" cy="661691"/>
        </a:xfrm>
        <a:prstGeom prst="chevron">
          <a:avLst/>
        </a:prstGeom>
        <a:solidFill>
          <a:schemeClr val="accent3">
            <a:hueOff val="-2232389"/>
            <a:satOff val="-12228"/>
            <a:lumOff val="3765"/>
            <a:alphaOff val="0"/>
          </a:schemeClr>
        </a:solidFill>
        <a:ln w="42500" cap="flat" cmpd="sng" algn="ctr">
          <a:solidFill>
            <a:schemeClr val="accent3">
              <a:hueOff val="-2232389"/>
              <a:satOff val="-12228"/>
              <a:lumOff val="3765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" tIns="7620" rIns="7620" bIns="7620" numCol="1" spcCol="1270" anchor="ctr" anchorCtr="0">
          <a:noAutofit/>
        </a:bodyPr>
        <a:lstStyle/>
        <a:p>
          <a:pPr lvl="0" algn="ctr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200" b="1" kern="1200" dirty="0">
            <a:solidFill>
              <a:srgbClr val="0843B8"/>
            </a:solidFill>
          </a:endParaRPr>
        </a:p>
      </dsp:txBody>
      <dsp:txXfrm rot="-5400000">
        <a:off x="1" y="2026012"/>
        <a:ext cx="661691" cy="283582"/>
      </dsp:txXfrm>
    </dsp:sp>
    <dsp:sp modelId="{B6768326-A373-408D-B13D-000B00EAB454}">
      <dsp:nvSpPr>
        <dsp:cNvPr id="0" name=""/>
        <dsp:cNvSpPr/>
      </dsp:nvSpPr>
      <dsp:spPr>
        <a:xfrm rot="5400000">
          <a:off x="4115412" y="-1758554"/>
          <a:ext cx="614427" cy="7521870"/>
        </a:xfrm>
        <a:prstGeom prst="round2Same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-2232389"/>
              <a:satOff val="-12228"/>
              <a:lumOff val="3765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2065" rIns="12065" bIns="12065" numCol="1" spcCol="1270" anchor="ctr" anchorCtr="0">
          <a:noAutofit/>
        </a:bodyPr>
        <a:lstStyle/>
        <a:p>
          <a:pPr marL="171450" lvl="1" indent="-171450" algn="l" defTabSz="8445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900" b="1" kern="1200" dirty="0" smtClean="0">
              <a:solidFill>
                <a:srgbClr val="0843B8"/>
              </a:solidFill>
            </a:rPr>
            <a:t>Выбран оптимальный формат обучения и технические средства</a:t>
          </a:r>
          <a:endParaRPr lang="ru-RU" sz="1900" b="1" kern="1200" dirty="0">
            <a:solidFill>
              <a:srgbClr val="0843B8"/>
            </a:solidFill>
          </a:endParaRPr>
        </a:p>
      </dsp:txBody>
      <dsp:txXfrm rot="-5400000">
        <a:off x="661691" y="1725161"/>
        <a:ext cx="7491876" cy="554439"/>
      </dsp:txXfrm>
    </dsp:sp>
    <dsp:sp modelId="{2AABA737-858E-4227-AB83-9D332E01724F}">
      <dsp:nvSpPr>
        <dsp:cNvPr id="0" name=""/>
        <dsp:cNvSpPr/>
      </dsp:nvSpPr>
      <dsp:spPr>
        <a:xfrm rot="5400000">
          <a:off x="-141791" y="2684537"/>
          <a:ext cx="945273" cy="661691"/>
        </a:xfrm>
        <a:prstGeom prst="chevron">
          <a:avLst/>
        </a:prstGeom>
        <a:solidFill>
          <a:schemeClr val="accent3">
            <a:hueOff val="-3348584"/>
            <a:satOff val="-18343"/>
            <a:lumOff val="5647"/>
            <a:alphaOff val="0"/>
          </a:schemeClr>
        </a:solidFill>
        <a:ln w="42500" cap="flat" cmpd="sng" algn="ctr">
          <a:solidFill>
            <a:schemeClr val="accent3">
              <a:hueOff val="-3348584"/>
              <a:satOff val="-18343"/>
              <a:lumOff val="5647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" tIns="7620" rIns="7620" bIns="7620" numCol="1" spcCol="1270" anchor="ctr" anchorCtr="0">
          <a:noAutofit/>
        </a:bodyPr>
        <a:lstStyle/>
        <a:p>
          <a:pPr lvl="0" algn="ctr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200" b="1" kern="1200" dirty="0">
            <a:solidFill>
              <a:srgbClr val="0843B8"/>
            </a:solidFill>
          </a:endParaRPr>
        </a:p>
      </dsp:txBody>
      <dsp:txXfrm rot="-5400000">
        <a:off x="1" y="2873592"/>
        <a:ext cx="661691" cy="283582"/>
      </dsp:txXfrm>
    </dsp:sp>
    <dsp:sp modelId="{55CDC18D-5560-46E2-B14F-8BCEC449FCB8}">
      <dsp:nvSpPr>
        <dsp:cNvPr id="0" name=""/>
        <dsp:cNvSpPr/>
      </dsp:nvSpPr>
      <dsp:spPr>
        <a:xfrm rot="5400000">
          <a:off x="4115412" y="-910974"/>
          <a:ext cx="614427" cy="7521870"/>
        </a:xfrm>
        <a:prstGeom prst="round2Same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-3348584"/>
              <a:satOff val="-18343"/>
              <a:lumOff val="5647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2065" rIns="12065" bIns="12065" numCol="1" spcCol="1270" anchor="ctr" anchorCtr="0">
          <a:noAutofit/>
        </a:bodyPr>
        <a:lstStyle/>
        <a:p>
          <a:pPr marL="171450" lvl="1" indent="-171450" algn="l" defTabSz="8445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900" b="1" kern="1200" dirty="0" smtClean="0">
              <a:solidFill>
                <a:srgbClr val="0843B8"/>
              </a:solidFill>
            </a:rPr>
            <a:t>Разработаны практические задания и кейсы для </a:t>
          </a:r>
          <a:r>
            <a:rPr lang="ru-RU" sz="1900" b="1" kern="1200" dirty="0" err="1" smtClean="0">
              <a:solidFill>
                <a:srgbClr val="0843B8"/>
              </a:solidFill>
            </a:rPr>
            <a:t>онлайн‑курса</a:t>
          </a:r>
          <a:endParaRPr lang="ru-RU" sz="1900" b="1" kern="1200" dirty="0">
            <a:solidFill>
              <a:srgbClr val="0843B8"/>
            </a:solidFill>
          </a:endParaRPr>
        </a:p>
      </dsp:txBody>
      <dsp:txXfrm rot="-5400000">
        <a:off x="661691" y="2572741"/>
        <a:ext cx="7491876" cy="554439"/>
      </dsp:txXfrm>
    </dsp:sp>
    <dsp:sp modelId="{ABA6DA8E-27C4-4A3E-BA7F-9737F66EFCE9}">
      <dsp:nvSpPr>
        <dsp:cNvPr id="0" name=""/>
        <dsp:cNvSpPr/>
      </dsp:nvSpPr>
      <dsp:spPr>
        <a:xfrm rot="5400000">
          <a:off x="-141791" y="3532117"/>
          <a:ext cx="945273" cy="661691"/>
        </a:xfrm>
        <a:prstGeom prst="chevron">
          <a:avLst/>
        </a:prstGeom>
        <a:solidFill>
          <a:schemeClr val="accent3">
            <a:hueOff val="-4464778"/>
            <a:satOff val="-24457"/>
            <a:lumOff val="7530"/>
            <a:alphaOff val="0"/>
          </a:schemeClr>
        </a:solidFill>
        <a:ln w="42500" cap="flat" cmpd="sng" algn="ctr">
          <a:solidFill>
            <a:schemeClr val="accent3">
              <a:hueOff val="-4464778"/>
              <a:satOff val="-24457"/>
              <a:lumOff val="753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" tIns="7620" rIns="7620" bIns="7620" numCol="1" spcCol="1270" anchor="ctr" anchorCtr="0">
          <a:noAutofit/>
        </a:bodyPr>
        <a:lstStyle/>
        <a:p>
          <a:pPr lvl="0" algn="ctr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200" b="1" kern="1200" dirty="0">
            <a:solidFill>
              <a:srgbClr val="0843B8"/>
            </a:solidFill>
          </a:endParaRPr>
        </a:p>
      </dsp:txBody>
      <dsp:txXfrm rot="-5400000">
        <a:off x="1" y="3721172"/>
        <a:ext cx="661691" cy="283582"/>
      </dsp:txXfrm>
    </dsp:sp>
    <dsp:sp modelId="{4E1972C7-C7BC-4E8B-AB38-2A4E74A7EF42}">
      <dsp:nvSpPr>
        <dsp:cNvPr id="0" name=""/>
        <dsp:cNvSpPr/>
      </dsp:nvSpPr>
      <dsp:spPr>
        <a:xfrm rot="5400000">
          <a:off x="4115412" y="-63394"/>
          <a:ext cx="614427" cy="7521870"/>
        </a:xfrm>
        <a:prstGeom prst="round2Same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-4464778"/>
              <a:satOff val="-24457"/>
              <a:lumOff val="753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2065" rIns="12065" bIns="12065" numCol="1" spcCol="1270" anchor="ctr" anchorCtr="0">
          <a:noAutofit/>
        </a:bodyPr>
        <a:lstStyle/>
        <a:p>
          <a:pPr marL="171450" lvl="1" indent="-171450" algn="l" defTabSz="8445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900" b="1" kern="1200" dirty="0" smtClean="0">
              <a:solidFill>
                <a:srgbClr val="0843B8"/>
              </a:solidFill>
            </a:rPr>
            <a:t>Отработан навык работы с </a:t>
          </a:r>
          <a:r>
            <a:rPr lang="ru-RU" sz="1900" b="1" kern="1200" dirty="0" err="1" smtClean="0">
              <a:solidFill>
                <a:srgbClr val="0843B8"/>
              </a:solidFill>
            </a:rPr>
            <a:t>видеоконтентом</a:t>
          </a:r>
          <a:r>
            <a:rPr lang="ru-RU" sz="1900" b="1" kern="1200" dirty="0" smtClean="0">
              <a:solidFill>
                <a:srgbClr val="0843B8"/>
              </a:solidFill>
            </a:rPr>
            <a:t> </a:t>
          </a:r>
          <a:r>
            <a:rPr lang="ru-RU" sz="1900" b="1" kern="1200" dirty="0" smtClean="0">
              <a:solidFill>
                <a:srgbClr val="0843B8"/>
              </a:solidFill>
            </a:rPr>
            <a:t>и онлайн- трансляциями</a:t>
          </a:r>
          <a:endParaRPr lang="ru-RU" sz="1900" b="1" kern="1200" dirty="0">
            <a:solidFill>
              <a:srgbClr val="0843B8"/>
            </a:solidFill>
          </a:endParaRPr>
        </a:p>
      </dsp:txBody>
      <dsp:txXfrm rot="-5400000">
        <a:off x="661691" y="3420321"/>
        <a:ext cx="7491876" cy="554439"/>
      </dsp:txXfrm>
    </dsp:sp>
    <dsp:sp modelId="{B0B441DC-FC9B-4A73-8C33-746D41F90FCE}">
      <dsp:nvSpPr>
        <dsp:cNvPr id="0" name=""/>
        <dsp:cNvSpPr/>
      </dsp:nvSpPr>
      <dsp:spPr>
        <a:xfrm rot="5400000">
          <a:off x="-141791" y="4379697"/>
          <a:ext cx="945273" cy="661691"/>
        </a:xfrm>
        <a:prstGeom prst="chevron">
          <a:avLst/>
        </a:prstGeom>
        <a:solidFill>
          <a:schemeClr val="accent3">
            <a:hueOff val="-5580973"/>
            <a:satOff val="-30571"/>
            <a:lumOff val="9412"/>
            <a:alphaOff val="0"/>
          </a:schemeClr>
        </a:solidFill>
        <a:ln w="42500" cap="flat" cmpd="sng" algn="ctr">
          <a:solidFill>
            <a:schemeClr val="accent3">
              <a:hueOff val="-5580973"/>
              <a:satOff val="-30571"/>
              <a:lumOff val="9412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" tIns="7620" rIns="7620" bIns="7620" numCol="1" spcCol="1270" anchor="ctr" anchorCtr="0">
          <a:noAutofit/>
        </a:bodyPr>
        <a:lstStyle/>
        <a:p>
          <a:pPr lvl="0" algn="ctr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200" b="1" kern="1200" dirty="0">
            <a:solidFill>
              <a:srgbClr val="0843B8"/>
            </a:solidFill>
          </a:endParaRPr>
        </a:p>
      </dsp:txBody>
      <dsp:txXfrm rot="-5400000">
        <a:off x="1" y="4568752"/>
        <a:ext cx="661691" cy="283582"/>
      </dsp:txXfrm>
    </dsp:sp>
    <dsp:sp modelId="{81279500-A837-49D9-B9CC-F634CDB86D55}">
      <dsp:nvSpPr>
        <dsp:cNvPr id="0" name=""/>
        <dsp:cNvSpPr/>
      </dsp:nvSpPr>
      <dsp:spPr>
        <a:xfrm rot="5400000">
          <a:off x="4115412" y="784185"/>
          <a:ext cx="614427" cy="7521870"/>
        </a:xfrm>
        <a:prstGeom prst="round2Same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-5580973"/>
              <a:satOff val="-30571"/>
              <a:lumOff val="9412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35128" tIns="12065" rIns="12065" bIns="12065" numCol="1" spcCol="1270" anchor="ctr" anchorCtr="0">
          <a:noAutofit/>
        </a:bodyPr>
        <a:lstStyle/>
        <a:p>
          <a:pPr marL="171450" lvl="1" indent="-171450" algn="l" defTabSz="8445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900" b="1" kern="1200" dirty="0" smtClean="0">
              <a:solidFill>
                <a:srgbClr val="0843B8"/>
              </a:solidFill>
            </a:rPr>
            <a:t>Разработаны тесты для эффективной оценки знаний студентов</a:t>
          </a:r>
          <a:endParaRPr lang="ru-RU" sz="1900" b="1" kern="1200" dirty="0">
            <a:solidFill>
              <a:srgbClr val="0843B8"/>
            </a:solidFill>
          </a:endParaRPr>
        </a:p>
      </dsp:txBody>
      <dsp:txXfrm rot="-5400000">
        <a:off x="661691" y="4267900"/>
        <a:ext cx="7491876" cy="554439"/>
      </dsp:txXfrm>
    </dsp:sp>
  </dsp:spTree>
</dsp:drawing>
</file>

<file path=ppt/diagrams/drawing1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822CEEA-CDDE-4807-86C8-8650323A3D72}">
      <dsp:nvSpPr>
        <dsp:cNvPr id="0" name=""/>
        <dsp:cNvSpPr/>
      </dsp:nvSpPr>
      <dsp:spPr>
        <a:xfrm>
          <a:off x="0" y="4085836"/>
          <a:ext cx="6984776" cy="536263"/>
        </a:xfrm>
        <a:prstGeom prst="rect">
          <a:avLst/>
        </a:prstGeom>
        <a:solidFill>
          <a:schemeClr val="accent3">
            <a:shade val="8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kern="1200" dirty="0" smtClean="0"/>
            <a:t>Выпуск и размещение на платформе</a:t>
          </a:r>
          <a:endParaRPr lang="ru-RU" sz="1900" kern="1200" dirty="0"/>
        </a:p>
      </dsp:txBody>
      <dsp:txXfrm>
        <a:off x="0" y="4085836"/>
        <a:ext cx="6984776" cy="536263"/>
      </dsp:txXfrm>
    </dsp:sp>
    <dsp:sp modelId="{D3F0BE36-1059-4376-9FE3-FC515AC2AD0A}">
      <dsp:nvSpPr>
        <dsp:cNvPr id="0" name=""/>
        <dsp:cNvSpPr/>
      </dsp:nvSpPr>
      <dsp:spPr>
        <a:xfrm rot="10800000">
          <a:off x="0" y="3269106"/>
          <a:ext cx="6984776" cy="824773"/>
        </a:xfrm>
        <a:prstGeom prst="upArrowCallout">
          <a:avLst/>
        </a:prstGeom>
        <a:solidFill>
          <a:schemeClr val="accent3">
            <a:shade val="80000"/>
            <a:hueOff val="106694"/>
            <a:satOff val="-10156"/>
            <a:lumOff val="7559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kern="1200" dirty="0" smtClean="0"/>
            <a:t>Сборка проекта: нарезка, синхронизация</a:t>
          </a:r>
          <a:endParaRPr lang="ru-RU" sz="1900" kern="1200" dirty="0"/>
        </a:p>
      </dsp:txBody>
      <dsp:txXfrm rot="10800000">
        <a:off x="0" y="3269106"/>
        <a:ext cx="6984776" cy="535913"/>
      </dsp:txXfrm>
    </dsp:sp>
    <dsp:sp modelId="{4C449EC4-C470-456A-84C6-666ABD187E17}">
      <dsp:nvSpPr>
        <dsp:cNvPr id="0" name=""/>
        <dsp:cNvSpPr/>
      </dsp:nvSpPr>
      <dsp:spPr>
        <a:xfrm rot="10800000">
          <a:off x="0" y="2452377"/>
          <a:ext cx="6984776" cy="824773"/>
        </a:xfrm>
        <a:prstGeom prst="upArrowCallout">
          <a:avLst/>
        </a:prstGeom>
        <a:solidFill>
          <a:schemeClr val="accent3">
            <a:shade val="80000"/>
            <a:hueOff val="213387"/>
            <a:satOff val="-20313"/>
            <a:lumOff val="15118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kern="1200" dirty="0" smtClean="0"/>
            <a:t>Подготовка визуальной составляющей</a:t>
          </a:r>
          <a:endParaRPr lang="ru-RU" sz="1900" kern="1200" dirty="0"/>
        </a:p>
      </dsp:txBody>
      <dsp:txXfrm rot="10800000">
        <a:off x="0" y="2452377"/>
        <a:ext cx="6984776" cy="535913"/>
      </dsp:txXfrm>
    </dsp:sp>
    <dsp:sp modelId="{D90E1CB1-0BFB-4CFE-8A56-B6D42DA52955}">
      <dsp:nvSpPr>
        <dsp:cNvPr id="0" name=""/>
        <dsp:cNvSpPr/>
      </dsp:nvSpPr>
      <dsp:spPr>
        <a:xfrm rot="10800000">
          <a:off x="0" y="1635647"/>
          <a:ext cx="6984776" cy="824773"/>
        </a:xfrm>
        <a:prstGeom prst="upArrowCallout">
          <a:avLst/>
        </a:prstGeom>
        <a:solidFill>
          <a:schemeClr val="accent3">
            <a:shade val="80000"/>
            <a:hueOff val="320081"/>
            <a:satOff val="-30469"/>
            <a:lumOff val="22676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kern="1200" dirty="0" smtClean="0"/>
            <a:t>Запись звука</a:t>
          </a:r>
          <a:endParaRPr lang="ru-RU" sz="1900" kern="1200" dirty="0"/>
        </a:p>
      </dsp:txBody>
      <dsp:txXfrm rot="10800000">
        <a:off x="0" y="1635647"/>
        <a:ext cx="6984776" cy="535913"/>
      </dsp:txXfrm>
    </dsp:sp>
    <dsp:sp modelId="{58D41B4C-D32F-4036-913A-A0CF097432AD}">
      <dsp:nvSpPr>
        <dsp:cNvPr id="0" name=""/>
        <dsp:cNvSpPr/>
      </dsp:nvSpPr>
      <dsp:spPr>
        <a:xfrm rot="10800000">
          <a:off x="0" y="818917"/>
          <a:ext cx="6984776" cy="824773"/>
        </a:xfrm>
        <a:prstGeom prst="upArrowCallout">
          <a:avLst/>
        </a:prstGeom>
        <a:solidFill>
          <a:schemeClr val="accent3">
            <a:shade val="80000"/>
            <a:hueOff val="426775"/>
            <a:satOff val="-40626"/>
            <a:lumOff val="30235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kern="1200" dirty="0" smtClean="0"/>
            <a:t>Сценарий курса: текст, продумывается видеоряд</a:t>
          </a:r>
          <a:endParaRPr lang="ru-RU" sz="1900" kern="1200" dirty="0"/>
        </a:p>
      </dsp:txBody>
      <dsp:txXfrm rot="10800000">
        <a:off x="0" y="818917"/>
        <a:ext cx="6984776" cy="535913"/>
      </dsp:txXfrm>
    </dsp:sp>
    <dsp:sp modelId="{527A0C96-8C0D-4F4C-BE19-96AF98E553F4}">
      <dsp:nvSpPr>
        <dsp:cNvPr id="0" name=""/>
        <dsp:cNvSpPr/>
      </dsp:nvSpPr>
      <dsp:spPr>
        <a:xfrm rot="10800000">
          <a:off x="0" y="2187"/>
          <a:ext cx="6984776" cy="824773"/>
        </a:xfrm>
        <a:prstGeom prst="upArrowCallout">
          <a:avLst/>
        </a:prstGeom>
        <a:solidFill>
          <a:schemeClr val="accent3">
            <a:shade val="80000"/>
            <a:hueOff val="533469"/>
            <a:satOff val="-50782"/>
            <a:lumOff val="37794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35128" tIns="135128" rIns="135128" bIns="135128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kern="1200" dirty="0" smtClean="0"/>
            <a:t>Выбор аппаратуры и программного продукта</a:t>
          </a:r>
          <a:endParaRPr lang="ru-RU" sz="1900" kern="1200" dirty="0"/>
        </a:p>
      </dsp:txBody>
      <dsp:txXfrm rot="10800000">
        <a:off x="0" y="2187"/>
        <a:ext cx="6984776" cy="535913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08609B5B-1034-4289-AA6E-2DB4DF96124D}">
      <dsp:nvSpPr>
        <dsp:cNvPr id="0" name=""/>
        <dsp:cNvSpPr/>
      </dsp:nvSpPr>
      <dsp:spPr>
        <a:xfrm>
          <a:off x="7985" y="0"/>
          <a:ext cx="8175576" cy="1670810"/>
        </a:xfrm>
        <a:prstGeom prst="roundRect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0" tIns="38100" rIns="76200" bIns="38100" numCol="1" spcCol="1270" anchor="ctr" anchorCtr="0">
          <a:noAutofit/>
        </a:bodyPr>
        <a:lstStyle/>
        <a:p>
          <a:pPr lvl="0" algn="just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000" kern="1200" dirty="0" smtClean="0"/>
            <a:t>- </a:t>
          </a:r>
          <a:r>
            <a:rPr lang="ru-RU" sz="2000" kern="1200" dirty="0" smtClean="0"/>
            <a:t>МООК </a:t>
          </a:r>
          <a:r>
            <a:rPr lang="ru-RU" sz="2000" kern="1200" dirty="0" smtClean="0"/>
            <a:t>курсы открывают доступ к любому виду образования. Можно получить образование </a:t>
          </a:r>
          <a:r>
            <a:rPr lang="ru-RU" sz="2000" kern="1200" dirty="0" err="1" smtClean="0"/>
            <a:t>онлайн</a:t>
          </a:r>
          <a:r>
            <a:rPr lang="ru-RU" sz="2000" kern="1200" dirty="0" smtClean="0"/>
            <a:t> в любом университете мира, и стать обладателем подтверждающего сертификата.</a:t>
          </a:r>
          <a:endParaRPr lang="ru-RU" sz="2000" kern="1200" dirty="0"/>
        </a:p>
      </dsp:txBody>
      <dsp:txXfrm>
        <a:off x="89547" y="81562"/>
        <a:ext cx="8012452" cy="1507686"/>
      </dsp:txXfrm>
    </dsp:sp>
    <dsp:sp modelId="{D2123419-6E32-4544-9CDD-40DCAC62C57D}">
      <dsp:nvSpPr>
        <dsp:cNvPr id="0" name=""/>
        <dsp:cNvSpPr/>
      </dsp:nvSpPr>
      <dsp:spPr>
        <a:xfrm>
          <a:off x="3992" y="1756882"/>
          <a:ext cx="8175576" cy="1670810"/>
        </a:xfrm>
        <a:prstGeom prst="roundRect">
          <a:avLst/>
        </a:prstGeom>
        <a:solidFill>
          <a:schemeClr val="accent3">
            <a:hueOff val="-2790486"/>
            <a:satOff val="-15286"/>
            <a:lumOff val="4706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0010" tIns="40005" rIns="80010" bIns="40005" numCol="1" spcCol="1270" anchor="ctr" anchorCtr="0">
          <a:noAutofit/>
        </a:bodyPr>
        <a:lstStyle/>
        <a:p>
          <a:pPr lvl="0" algn="just" defTabSz="9334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100" kern="1200" dirty="0" smtClean="0"/>
            <a:t>- Получение дополнительных знаний в выбранной области, возможность дистанционно повысить свою квалификацию.</a:t>
          </a:r>
          <a:endParaRPr lang="ru-RU" sz="2100" kern="1200" dirty="0"/>
        </a:p>
      </dsp:txBody>
      <dsp:txXfrm>
        <a:off x="85554" y="1838444"/>
        <a:ext cx="8012452" cy="1507686"/>
      </dsp:txXfrm>
    </dsp:sp>
    <dsp:sp modelId="{DED8B2C3-3173-4056-B7FD-F24193A24F17}">
      <dsp:nvSpPr>
        <dsp:cNvPr id="0" name=""/>
        <dsp:cNvSpPr/>
      </dsp:nvSpPr>
      <dsp:spPr>
        <a:xfrm>
          <a:off x="3992" y="3511233"/>
          <a:ext cx="8175576" cy="1670810"/>
        </a:xfrm>
        <a:prstGeom prst="roundRect">
          <a:avLst/>
        </a:prstGeom>
        <a:solidFill>
          <a:schemeClr val="accent3">
            <a:hueOff val="-5580973"/>
            <a:satOff val="-30571"/>
            <a:lumOff val="9412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7630" tIns="43815" rIns="87630" bIns="43815" numCol="1" spcCol="1270" anchor="ctr" anchorCtr="0">
          <a:noAutofit/>
        </a:bodyPr>
        <a:lstStyle/>
        <a:p>
          <a:pPr lvl="0" algn="l" defTabSz="10223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300" kern="1200" dirty="0" smtClean="0"/>
            <a:t>- Пройти переподготовку дистанционно.</a:t>
          </a:r>
          <a:endParaRPr lang="ru-RU" sz="2300" kern="1200" dirty="0"/>
        </a:p>
      </dsp:txBody>
      <dsp:txXfrm>
        <a:off x="85554" y="3592795"/>
        <a:ext cx="8012452" cy="1507686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EC31706-F585-41E6-A18F-7026E7C05B81}">
      <dsp:nvSpPr>
        <dsp:cNvPr id="0" name=""/>
        <dsp:cNvSpPr/>
      </dsp:nvSpPr>
      <dsp:spPr>
        <a:xfrm>
          <a:off x="170471" y="2566"/>
          <a:ext cx="7753057" cy="1694016"/>
        </a:xfrm>
        <a:prstGeom prst="roundRect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0" tIns="38100" rIns="76200" bIns="38100" numCol="1" spcCol="1270" anchor="ctr" anchorCtr="0">
          <a:noAutofit/>
        </a:bodyPr>
        <a:lstStyle/>
        <a:p>
          <a:pPr lvl="0" algn="just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000" b="1" kern="1200" dirty="0" smtClean="0">
              <a:solidFill>
                <a:schemeClr val="bg1"/>
              </a:solidFill>
            </a:rPr>
            <a:t>По состоянию на этот год более </a:t>
          </a:r>
          <a:r>
            <a:rPr lang="ru-RU" sz="2000" b="1" i="1" kern="1200" dirty="0" smtClean="0">
              <a:solidFill>
                <a:schemeClr val="bg1"/>
              </a:solidFill>
            </a:rPr>
            <a:t>900</a:t>
          </a:r>
          <a:r>
            <a:rPr lang="ru-RU" sz="2000" b="1" kern="1200" dirty="0" smtClean="0">
              <a:solidFill>
                <a:schemeClr val="bg1"/>
              </a:solidFill>
            </a:rPr>
            <a:t> университетов по всему миру предлагали около </a:t>
          </a:r>
          <a:r>
            <a:rPr lang="ru-RU" sz="2000" b="1" i="1" kern="1200" dirty="0" smtClean="0">
              <a:solidFill>
                <a:schemeClr val="bg1"/>
              </a:solidFill>
            </a:rPr>
            <a:t>11 400</a:t>
          </a:r>
          <a:r>
            <a:rPr lang="ru-RU" sz="2000" b="1" kern="1200" dirty="0" smtClean="0">
              <a:solidFill>
                <a:schemeClr val="bg1"/>
              </a:solidFill>
            </a:rPr>
            <a:t> </a:t>
          </a:r>
          <a:r>
            <a:rPr lang="ru-RU" sz="2000" b="1" i="1" kern="1200" dirty="0" smtClean="0">
              <a:solidFill>
                <a:schemeClr val="bg1"/>
              </a:solidFill>
            </a:rPr>
            <a:t>MOOК</a:t>
          </a:r>
          <a:r>
            <a:rPr lang="ru-RU" sz="2000" b="1" kern="1200" dirty="0" smtClean="0">
              <a:solidFill>
                <a:schemeClr val="bg1"/>
              </a:solidFill>
            </a:rPr>
            <a:t>, </a:t>
          </a:r>
          <a:r>
            <a:rPr lang="ru-RU" sz="2000" b="1" kern="1200" dirty="0" smtClean="0">
              <a:solidFill>
                <a:schemeClr val="bg1"/>
              </a:solidFill>
            </a:rPr>
            <a:t>и в течение года было добавлено около </a:t>
          </a:r>
          <a:r>
            <a:rPr lang="ru-RU" sz="2000" b="1" i="1" kern="1200" dirty="0" smtClean="0">
              <a:solidFill>
                <a:schemeClr val="bg1"/>
              </a:solidFill>
            </a:rPr>
            <a:t>2000</a:t>
          </a:r>
          <a:r>
            <a:rPr lang="ru-RU" sz="2000" b="1" kern="1200" dirty="0" smtClean="0">
              <a:solidFill>
                <a:schemeClr val="bg1"/>
              </a:solidFill>
            </a:rPr>
            <a:t> новых курсов</a:t>
          </a:r>
          <a:endParaRPr lang="ru-RU" sz="2000" b="1" kern="1200" dirty="0">
            <a:solidFill>
              <a:schemeClr val="bg1"/>
            </a:solidFill>
          </a:endParaRPr>
        </a:p>
      </dsp:txBody>
      <dsp:txXfrm>
        <a:off x="253166" y="85261"/>
        <a:ext cx="7587667" cy="1528626"/>
      </dsp:txXfrm>
    </dsp:sp>
    <dsp:sp modelId="{BB3F643E-9438-455F-B0FA-5334984BB859}">
      <dsp:nvSpPr>
        <dsp:cNvPr id="0" name=""/>
        <dsp:cNvSpPr/>
      </dsp:nvSpPr>
      <dsp:spPr>
        <a:xfrm>
          <a:off x="170471" y="1781283"/>
          <a:ext cx="7842618" cy="1694016"/>
        </a:xfrm>
        <a:prstGeom prst="roundRect">
          <a:avLst/>
        </a:prstGeom>
        <a:solidFill>
          <a:schemeClr val="accent3">
            <a:hueOff val="-2790486"/>
            <a:satOff val="-15286"/>
            <a:lumOff val="4706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0" tIns="38100" rIns="76200" bIns="38100" numCol="1" spcCol="1270" anchor="ctr" anchorCtr="0">
          <a:noAutofit/>
        </a:bodyPr>
        <a:lstStyle/>
        <a:p>
          <a:pPr lvl="0" algn="just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000" b="1" kern="1200" dirty="0" smtClean="0">
              <a:solidFill>
                <a:schemeClr val="bg1"/>
              </a:solidFill>
            </a:rPr>
            <a:t>Анализ рынка </a:t>
          </a:r>
          <a:r>
            <a:rPr lang="ru-RU" sz="2000" b="1" i="1" kern="1200" dirty="0" smtClean="0">
              <a:solidFill>
                <a:schemeClr val="bg1"/>
              </a:solidFill>
            </a:rPr>
            <a:t>МООК</a:t>
          </a:r>
          <a:r>
            <a:rPr lang="ru-RU" sz="2000" b="1" kern="1200" dirty="0" smtClean="0">
              <a:solidFill>
                <a:schemeClr val="bg1"/>
              </a:solidFill>
            </a:rPr>
            <a:t> </a:t>
          </a:r>
          <a:r>
            <a:rPr lang="ru-RU" sz="2000" b="1" kern="1200" dirty="0" smtClean="0">
              <a:solidFill>
                <a:schemeClr val="bg1"/>
              </a:solidFill>
            </a:rPr>
            <a:t>свидетельствует об интенсивном росте числа производителей и провайдеров </a:t>
          </a:r>
          <a:r>
            <a:rPr lang="ru-RU" sz="2000" b="1" i="1" kern="1200" dirty="0" smtClean="0">
              <a:solidFill>
                <a:schemeClr val="bg1"/>
              </a:solidFill>
            </a:rPr>
            <a:t>МООК</a:t>
          </a:r>
          <a:r>
            <a:rPr lang="ru-RU" sz="2000" b="1" kern="1200" dirty="0" smtClean="0">
              <a:solidFill>
                <a:schemeClr val="bg1"/>
              </a:solidFill>
            </a:rPr>
            <a:t>, </a:t>
          </a:r>
          <a:r>
            <a:rPr lang="ru-RU" sz="2000" b="1" kern="1200" dirty="0" smtClean="0">
              <a:solidFill>
                <a:schemeClr val="bg1"/>
              </a:solidFill>
            </a:rPr>
            <a:t>а также численности слушателей онлайн-курсов</a:t>
          </a:r>
          <a:endParaRPr lang="ru-RU" sz="2000" b="1" kern="1200" dirty="0">
            <a:solidFill>
              <a:schemeClr val="bg1"/>
            </a:solidFill>
          </a:endParaRPr>
        </a:p>
      </dsp:txBody>
      <dsp:txXfrm>
        <a:off x="253166" y="1863978"/>
        <a:ext cx="7677228" cy="1528626"/>
      </dsp:txXfrm>
    </dsp:sp>
    <dsp:sp modelId="{097BC1B8-44F1-4AD4-AEAA-BB20BBC07F7F}">
      <dsp:nvSpPr>
        <dsp:cNvPr id="0" name=""/>
        <dsp:cNvSpPr/>
      </dsp:nvSpPr>
      <dsp:spPr>
        <a:xfrm>
          <a:off x="170471" y="3560000"/>
          <a:ext cx="7800666" cy="1694016"/>
        </a:xfrm>
        <a:prstGeom prst="roundRect">
          <a:avLst/>
        </a:prstGeom>
        <a:solidFill>
          <a:schemeClr val="accent3">
            <a:hueOff val="-5580973"/>
            <a:satOff val="-30571"/>
            <a:lumOff val="9412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0" tIns="38100" rIns="76200" bIns="38100" numCol="1" spcCol="1270" anchor="ctr" anchorCtr="0">
          <a:noAutofit/>
        </a:bodyPr>
        <a:lstStyle/>
        <a:p>
          <a:pPr lvl="0" algn="just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000" b="1" kern="1200" dirty="0" smtClean="0">
              <a:solidFill>
                <a:schemeClr val="bg1"/>
              </a:solidFill>
            </a:rPr>
            <a:t>Потребность в качественном доступном образовании; повышение квалификации; дополнительное обучение дистанционно с получением сертификата</a:t>
          </a:r>
          <a:endParaRPr lang="ru-RU" sz="2000" b="1" kern="1200" dirty="0">
            <a:solidFill>
              <a:schemeClr val="bg1"/>
            </a:solidFill>
          </a:endParaRPr>
        </a:p>
      </dsp:txBody>
      <dsp:txXfrm>
        <a:off x="253166" y="3642695"/>
        <a:ext cx="7635276" cy="1528626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EC31706-F585-41E6-A18F-7026E7C05B81}">
      <dsp:nvSpPr>
        <dsp:cNvPr id="0" name=""/>
        <dsp:cNvSpPr/>
      </dsp:nvSpPr>
      <dsp:spPr>
        <a:xfrm>
          <a:off x="216018" y="0"/>
          <a:ext cx="7753057" cy="2493874"/>
        </a:xfrm>
        <a:prstGeom prst="roundRect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14300" tIns="57150" rIns="114300" bIns="57150" numCol="1" spcCol="1270" anchor="ctr" anchorCtr="0">
          <a:noAutofit/>
        </a:bodyPr>
        <a:lstStyle/>
        <a:p>
          <a:pPr lvl="0" algn="just" defTabSz="1333500">
            <a:lnSpc>
              <a:spcPct val="150000"/>
            </a:lnSpc>
            <a:spcBef>
              <a:spcPct val="0"/>
            </a:spcBef>
            <a:spcAft>
              <a:spcPct val="35000"/>
            </a:spcAft>
          </a:pPr>
          <a:r>
            <a:rPr lang="en-US" sz="3000" b="1" i="1" kern="1200" dirty="0" smtClean="0">
              <a:solidFill>
                <a:schemeClr val="bg1"/>
              </a:solidFill>
            </a:rPr>
            <a:t>Coursera.org</a:t>
          </a:r>
          <a:r>
            <a:rPr lang="ru-RU" sz="3000" b="1" i="1" kern="1200" dirty="0" smtClean="0">
              <a:solidFill>
                <a:schemeClr val="bg1"/>
              </a:solidFill>
            </a:rPr>
            <a:t>;</a:t>
          </a:r>
          <a:r>
            <a:rPr lang="en-US" sz="3000" b="1" i="1" kern="1200" dirty="0" smtClean="0">
              <a:solidFill>
                <a:schemeClr val="bg1"/>
              </a:solidFill>
            </a:rPr>
            <a:t> Udacity.com</a:t>
          </a:r>
          <a:r>
            <a:rPr lang="ru-RU" sz="3000" b="1" i="1" kern="1200" dirty="0" smtClean="0">
              <a:solidFill>
                <a:schemeClr val="bg1"/>
              </a:solidFill>
            </a:rPr>
            <a:t>;</a:t>
          </a:r>
          <a:r>
            <a:rPr lang="en-US" sz="3000" b="1" i="1" kern="1200" dirty="0" smtClean="0">
              <a:solidFill>
                <a:schemeClr val="bg1"/>
              </a:solidFill>
            </a:rPr>
            <a:t> edx.org</a:t>
          </a:r>
          <a:r>
            <a:rPr lang="ru-RU" sz="3000" b="1" i="1" kern="1200" dirty="0" smtClean="0">
              <a:solidFill>
                <a:schemeClr val="bg1"/>
              </a:solidFill>
            </a:rPr>
            <a:t>;</a:t>
          </a:r>
          <a:r>
            <a:rPr lang="en-US" sz="3000" b="1" i="1" kern="1200" dirty="0" smtClean="0">
              <a:solidFill>
                <a:schemeClr val="bg1"/>
              </a:solidFill>
            </a:rPr>
            <a:t> Khan Academy</a:t>
          </a:r>
          <a:endParaRPr lang="ru-RU" sz="3000" b="1" i="1" kern="1200" dirty="0">
            <a:solidFill>
              <a:schemeClr val="bg1"/>
            </a:solidFill>
          </a:endParaRPr>
        </a:p>
      </dsp:txBody>
      <dsp:txXfrm>
        <a:off x="337759" y="121741"/>
        <a:ext cx="7509575" cy="2250392"/>
      </dsp:txXfrm>
    </dsp:sp>
    <dsp:sp modelId="{BB3F643E-9438-455F-B0FA-5334984BB859}">
      <dsp:nvSpPr>
        <dsp:cNvPr id="0" name=""/>
        <dsp:cNvSpPr/>
      </dsp:nvSpPr>
      <dsp:spPr>
        <a:xfrm>
          <a:off x="144015" y="2519224"/>
          <a:ext cx="7842618" cy="2493874"/>
        </a:xfrm>
        <a:prstGeom prst="roundRect">
          <a:avLst/>
        </a:prstGeom>
        <a:solidFill>
          <a:schemeClr val="accent3">
            <a:hueOff val="-5580973"/>
            <a:satOff val="-30571"/>
            <a:lumOff val="9412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14300" tIns="57150" rIns="114300" bIns="57150" numCol="1" spcCol="1270" anchor="ctr" anchorCtr="0">
          <a:noAutofit/>
        </a:bodyPr>
        <a:lstStyle/>
        <a:p>
          <a:pPr lvl="0" algn="just" defTabSz="1333500">
            <a:lnSpc>
              <a:spcPct val="150000"/>
            </a:lnSpc>
            <a:spcBef>
              <a:spcPct val="0"/>
            </a:spcBef>
            <a:spcAft>
              <a:spcPct val="35000"/>
            </a:spcAft>
          </a:pPr>
          <a:r>
            <a:rPr lang="en-US" sz="3000" b="1" i="1" kern="1200" dirty="0" smtClean="0">
              <a:solidFill>
                <a:schemeClr val="bg1"/>
              </a:solidFill>
            </a:rPr>
            <a:t>Lektorum.tv</a:t>
          </a:r>
          <a:r>
            <a:rPr lang="ru-RU" sz="3000" b="1" i="1" kern="1200" dirty="0" smtClean="0">
              <a:solidFill>
                <a:schemeClr val="bg1"/>
              </a:solidFill>
            </a:rPr>
            <a:t>;</a:t>
          </a:r>
          <a:r>
            <a:rPr lang="en-US" sz="3000" b="1" i="1" kern="1200" dirty="0" smtClean="0">
              <a:solidFill>
                <a:schemeClr val="bg1"/>
              </a:solidFill>
            </a:rPr>
            <a:t> onlaine.edu.ru</a:t>
          </a:r>
          <a:r>
            <a:rPr lang="ru-RU" sz="3000" b="1" i="1" kern="1200" dirty="0" smtClean="0">
              <a:solidFill>
                <a:schemeClr val="bg1"/>
              </a:solidFill>
            </a:rPr>
            <a:t>;</a:t>
          </a:r>
          <a:r>
            <a:rPr lang="en-US" sz="3000" b="1" i="1" kern="1200" dirty="0" smtClean="0">
              <a:solidFill>
                <a:schemeClr val="bg1"/>
              </a:solidFill>
            </a:rPr>
            <a:t> universarium.org</a:t>
          </a:r>
          <a:endParaRPr lang="ru-RU" sz="3000" b="1" i="1" kern="1200" dirty="0">
            <a:solidFill>
              <a:schemeClr val="bg1"/>
            </a:solidFill>
          </a:endParaRPr>
        </a:p>
      </dsp:txBody>
      <dsp:txXfrm>
        <a:off x="265756" y="2640965"/>
        <a:ext cx="7599136" cy="2250392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B3F643E-9438-455F-B0FA-5334984BB859}">
      <dsp:nvSpPr>
        <dsp:cNvPr id="0" name=""/>
        <dsp:cNvSpPr/>
      </dsp:nvSpPr>
      <dsp:spPr>
        <a:xfrm>
          <a:off x="0" y="3937"/>
          <a:ext cx="8175576" cy="4028510"/>
        </a:xfrm>
        <a:prstGeom prst="roundRect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0" tIns="38100" rIns="76200" bIns="38100" numCol="1" spcCol="1270" anchor="ctr" anchorCtr="0">
          <a:noAutofit/>
        </a:bodyPr>
        <a:lstStyle/>
        <a:p>
          <a:pPr lvl="0" algn="just" defTabSz="889000">
            <a:lnSpc>
              <a:spcPct val="125000"/>
            </a:lnSpc>
            <a:spcBef>
              <a:spcPct val="0"/>
            </a:spcBef>
            <a:spcAft>
              <a:spcPct val="35000"/>
            </a:spcAft>
          </a:pPr>
          <a:r>
            <a:rPr lang="ru-RU" sz="2000" b="1" i="0" kern="1200" dirty="0" smtClean="0">
              <a:solidFill>
                <a:schemeClr val="bg1"/>
              </a:solidFill>
            </a:rPr>
            <a:t>В рамкам проекта «</a:t>
          </a:r>
          <a:r>
            <a:rPr lang="ru-RU" sz="2000" b="1" i="0" kern="1200" dirty="0" smtClean="0"/>
            <a:t>Развитие механизмов финансирования безопасности школьной образовательной среды в  КР</a:t>
          </a:r>
          <a:r>
            <a:rPr lang="ru-RU" sz="2000" b="1" i="0" kern="1200" dirty="0" smtClean="0">
              <a:solidFill>
                <a:schemeClr val="bg1"/>
              </a:solidFill>
            </a:rPr>
            <a:t>» университетом были созданы курсы массовых открытых онлайн курсов.</a:t>
          </a:r>
        </a:p>
        <a:p>
          <a:pPr lvl="0" algn="just" defTabSz="889000">
            <a:lnSpc>
              <a:spcPct val="125000"/>
            </a:lnSpc>
            <a:spcBef>
              <a:spcPct val="0"/>
            </a:spcBef>
            <a:spcAft>
              <a:spcPct val="35000"/>
            </a:spcAft>
          </a:pPr>
          <a:r>
            <a:rPr lang="ru-RU" sz="2000" b="1" i="0" kern="1200" dirty="0" smtClean="0">
              <a:solidFill>
                <a:schemeClr val="bg1"/>
              </a:solidFill>
            </a:rPr>
            <a:t>- Использованы финансовые и эксплуатационные ресурсы проекта;</a:t>
          </a:r>
        </a:p>
        <a:p>
          <a:pPr lvl="0" algn="just" defTabSz="889000">
            <a:lnSpc>
              <a:spcPct val="125000"/>
            </a:lnSpc>
            <a:spcBef>
              <a:spcPct val="0"/>
            </a:spcBef>
            <a:spcAft>
              <a:spcPct val="35000"/>
            </a:spcAft>
          </a:pPr>
          <a:r>
            <a:rPr lang="ru-RU" sz="2000" b="1" i="0" kern="1200" dirty="0" smtClean="0">
              <a:solidFill>
                <a:schemeClr val="bg1"/>
              </a:solidFill>
            </a:rPr>
            <a:t>- Возможность апробации разработанных курсов.</a:t>
          </a:r>
        </a:p>
        <a:p>
          <a:pPr lvl="0" algn="just" defTabSz="889000">
            <a:lnSpc>
              <a:spcPct val="125000"/>
            </a:lnSpc>
            <a:spcBef>
              <a:spcPct val="0"/>
            </a:spcBef>
            <a:spcAft>
              <a:spcPct val="35000"/>
            </a:spcAft>
          </a:pPr>
          <a:endParaRPr lang="ru-RU" sz="1500" b="1" i="0" kern="1200" dirty="0">
            <a:solidFill>
              <a:schemeClr val="bg1"/>
            </a:solidFill>
          </a:endParaRPr>
        </a:p>
      </dsp:txBody>
      <dsp:txXfrm>
        <a:off x="196656" y="200593"/>
        <a:ext cx="7782264" cy="3635198"/>
      </dsp:txXfrm>
    </dsp:sp>
  </dsp:spTree>
</dsp:drawing>
</file>

<file path=ppt/diagrams/drawing6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44564579-B042-49E2-9F9A-5E434CD4FE75}">
      <dsp:nvSpPr>
        <dsp:cNvPr id="0" name=""/>
        <dsp:cNvSpPr/>
      </dsp:nvSpPr>
      <dsp:spPr>
        <a:xfrm>
          <a:off x="0" y="0"/>
          <a:ext cx="8175576" cy="3600400"/>
        </a:xfrm>
        <a:prstGeom prst="roundRect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0" tIns="38100" rIns="76200" bIns="38100" numCol="1" spcCol="1270" anchor="ctr" anchorCtr="0">
          <a:noAutofit/>
        </a:bodyPr>
        <a:lstStyle/>
        <a:p>
          <a:pPr lvl="0" algn="just" defTabSz="889000">
            <a:lnSpc>
              <a:spcPct val="125000"/>
            </a:lnSpc>
            <a:spcBef>
              <a:spcPct val="0"/>
            </a:spcBef>
            <a:spcAft>
              <a:spcPct val="35000"/>
            </a:spcAft>
          </a:pPr>
          <a:r>
            <a:rPr lang="ru-RU" sz="2000" b="1" kern="1200" dirty="0" smtClean="0"/>
            <a:t>Разработанные массовые открытые онлайн курсы ориентированы на:</a:t>
          </a:r>
        </a:p>
        <a:p>
          <a:pPr lvl="0" algn="just" defTabSz="889000">
            <a:lnSpc>
              <a:spcPct val="125000"/>
            </a:lnSpc>
            <a:spcBef>
              <a:spcPct val="0"/>
            </a:spcBef>
            <a:spcAft>
              <a:spcPct val="35000"/>
            </a:spcAft>
          </a:pPr>
          <a:r>
            <a:rPr lang="ru-RU" sz="2000" b="1" kern="1200" dirty="0" smtClean="0"/>
            <a:t>- администрации образовательных организаций;</a:t>
          </a:r>
        </a:p>
        <a:p>
          <a:pPr lvl="0" algn="just" defTabSz="889000">
            <a:lnSpc>
              <a:spcPct val="125000"/>
            </a:lnSpc>
            <a:spcBef>
              <a:spcPct val="0"/>
            </a:spcBef>
            <a:spcAft>
              <a:spcPct val="35000"/>
            </a:spcAft>
          </a:pPr>
          <a:r>
            <a:rPr lang="ru-RU" sz="2000" b="1" kern="1200" dirty="0" smtClean="0"/>
            <a:t>- органы местного самоуправления;</a:t>
          </a:r>
        </a:p>
        <a:p>
          <a:pPr lvl="0" algn="just" defTabSz="889000">
            <a:lnSpc>
              <a:spcPct val="125000"/>
            </a:lnSpc>
            <a:spcBef>
              <a:spcPct val="0"/>
            </a:spcBef>
            <a:spcAft>
              <a:spcPct val="35000"/>
            </a:spcAft>
          </a:pPr>
          <a:r>
            <a:rPr lang="ru-RU" sz="2000" b="1" kern="1200" dirty="0" smtClean="0"/>
            <a:t>- педагогических работников и студентов, желающими повысить свою квалификацию. </a:t>
          </a:r>
          <a:endParaRPr lang="ru-RU" sz="2000" b="1" kern="1200" dirty="0"/>
        </a:p>
      </dsp:txBody>
      <dsp:txXfrm>
        <a:off x="175757" y="175757"/>
        <a:ext cx="7824062" cy="3248886"/>
      </dsp:txXfrm>
    </dsp:sp>
  </dsp:spTree>
</dsp:drawing>
</file>

<file path=ppt/diagrams/drawing7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CD992091-5291-419D-B834-30952EEA906B}">
      <dsp:nvSpPr>
        <dsp:cNvPr id="0" name=""/>
        <dsp:cNvSpPr/>
      </dsp:nvSpPr>
      <dsp:spPr>
        <a:xfrm>
          <a:off x="43387" y="133851"/>
          <a:ext cx="885783" cy="459457"/>
        </a:xfrm>
        <a:prstGeom prst="chevron">
          <a:avLst/>
        </a:prstGeom>
        <a:solidFill>
          <a:schemeClr val="accent3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080" tIns="5080" rIns="5080" bIns="5080" numCol="1" spcCol="1270" anchor="ctr" anchorCtr="0">
          <a:noAutofit/>
        </a:bodyPr>
        <a:lstStyle/>
        <a:p>
          <a:pPr lvl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800" b="1" kern="1200" dirty="0">
            <a:solidFill>
              <a:srgbClr val="0843B8"/>
            </a:solidFill>
          </a:endParaRPr>
        </a:p>
      </dsp:txBody>
      <dsp:txXfrm rot="-5400000">
        <a:off x="256551" y="150416"/>
        <a:ext cx="459457" cy="426326"/>
      </dsp:txXfrm>
    </dsp:sp>
    <dsp:sp modelId="{4E8CD377-ED9E-47D9-A17D-082C2EE22440}">
      <dsp:nvSpPr>
        <dsp:cNvPr id="0" name=""/>
        <dsp:cNvSpPr/>
      </dsp:nvSpPr>
      <dsp:spPr>
        <a:xfrm rot="5400000">
          <a:off x="4298068" y="-3088183"/>
          <a:ext cx="715789" cy="7055196"/>
        </a:xfrm>
        <a:prstGeom prst="round2Same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13792" tIns="10160" rIns="10160" bIns="10160" numCol="1" spcCol="1270" anchor="ctr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600" b="1" kern="1200" dirty="0" smtClean="0">
              <a:solidFill>
                <a:srgbClr val="0843B8"/>
              </a:solidFill>
            </a:rPr>
            <a:t>Финансовые аспекты безопасности образовательных организаций. 1С: Бухгалтерия</a:t>
          </a:r>
          <a:endParaRPr lang="ru-RU" sz="1600" b="1" kern="1200" dirty="0">
            <a:solidFill>
              <a:srgbClr val="0843B8"/>
            </a:solidFill>
          </a:endParaRPr>
        </a:p>
      </dsp:txBody>
      <dsp:txXfrm rot="-5400000">
        <a:off x="1128365" y="116462"/>
        <a:ext cx="7020254" cy="645905"/>
      </dsp:txXfrm>
    </dsp:sp>
    <dsp:sp modelId="{B84447A9-7769-4B89-A153-D13472248A03}">
      <dsp:nvSpPr>
        <dsp:cNvPr id="0" name=""/>
        <dsp:cNvSpPr/>
      </dsp:nvSpPr>
      <dsp:spPr>
        <a:xfrm>
          <a:off x="43387" y="988049"/>
          <a:ext cx="908061" cy="566944"/>
        </a:xfrm>
        <a:prstGeom prst="chevron">
          <a:avLst/>
        </a:prstGeom>
        <a:solidFill>
          <a:schemeClr val="accent3">
            <a:hueOff val="-1395243"/>
            <a:satOff val="-7643"/>
            <a:lumOff val="2353"/>
            <a:alphaOff val="0"/>
          </a:schemeClr>
        </a:solidFill>
        <a:ln w="42500" cap="flat" cmpd="sng" algn="ctr">
          <a:solidFill>
            <a:schemeClr val="accent3">
              <a:hueOff val="-1395243"/>
              <a:satOff val="-7643"/>
              <a:lumOff val="2353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350" tIns="6350" rIns="6350" bIns="6350" numCol="1" spcCol="1270" anchor="ctr" anchorCtr="0">
          <a:noAutofit/>
        </a:bodyPr>
        <a:lstStyle/>
        <a:p>
          <a:pPr lvl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000" b="1" kern="1200" dirty="0">
            <a:solidFill>
              <a:srgbClr val="0843B8"/>
            </a:solidFill>
          </a:endParaRPr>
        </a:p>
      </dsp:txBody>
      <dsp:txXfrm rot="-5400000">
        <a:off x="213946" y="1100962"/>
        <a:ext cx="566944" cy="341117"/>
      </dsp:txXfrm>
    </dsp:sp>
    <dsp:sp modelId="{69CA2E35-D96F-46C6-AED1-C23FAC9CEBBA}">
      <dsp:nvSpPr>
        <dsp:cNvPr id="0" name=""/>
        <dsp:cNvSpPr/>
      </dsp:nvSpPr>
      <dsp:spPr>
        <a:xfrm rot="5400000">
          <a:off x="4314500" y="-2281122"/>
          <a:ext cx="663801" cy="7074321"/>
        </a:xfrm>
        <a:prstGeom prst="round2Same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-1395243"/>
              <a:satOff val="-7643"/>
              <a:lumOff val="2353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13792" tIns="10160" rIns="10160" bIns="10160" numCol="1" spcCol="1270" anchor="ctr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600" b="1" kern="1200" dirty="0" smtClean="0">
              <a:solidFill>
                <a:srgbClr val="0843B8"/>
              </a:solidFill>
            </a:rPr>
            <a:t>Управление безопасными закупками и финансированием безопасной образовательной среды</a:t>
          </a:r>
          <a:endParaRPr lang="ru-RU" sz="1600" b="1" kern="1200" dirty="0">
            <a:solidFill>
              <a:srgbClr val="0843B8"/>
            </a:solidFill>
          </a:endParaRPr>
        </a:p>
      </dsp:txBody>
      <dsp:txXfrm rot="-5400000">
        <a:off x="1109240" y="956542"/>
        <a:ext cx="7041917" cy="598993"/>
      </dsp:txXfrm>
    </dsp:sp>
    <dsp:sp modelId="{DE71186C-658E-44E3-8DC9-B61919D17915}">
      <dsp:nvSpPr>
        <dsp:cNvPr id="0" name=""/>
        <dsp:cNvSpPr/>
      </dsp:nvSpPr>
      <dsp:spPr>
        <a:xfrm>
          <a:off x="25438" y="1910851"/>
          <a:ext cx="979827" cy="492349"/>
        </a:xfrm>
        <a:prstGeom prst="chevron">
          <a:avLst/>
        </a:prstGeom>
        <a:solidFill>
          <a:schemeClr val="accent3">
            <a:hueOff val="-2790486"/>
            <a:satOff val="-15286"/>
            <a:lumOff val="4706"/>
            <a:alphaOff val="0"/>
          </a:schemeClr>
        </a:solidFill>
        <a:ln w="42500" cap="flat" cmpd="sng" algn="ctr">
          <a:solidFill>
            <a:schemeClr val="accent3">
              <a:hueOff val="-2790486"/>
              <a:satOff val="-15286"/>
              <a:lumOff val="4706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080" tIns="5080" rIns="5080" bIns="5080" numCol="1" spcCol="1270" anchor="ctr" anchorCtr="0">
          <a:noAutofit/>
        </a:bodyPr>
        <a:lstStyle/>
        <a:p>
          <a:pPr lvl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800" b="1" kern="1200" dirty="0">
            <a:solidFill>
              <a:srgbClr val="0843B8"/>
            </a:solidFill>
          </a:endParaRPr>
        </a:p>
      </dsp:txBody>
      <dsp:txXfrm rot="-5400000">
        <a:off x="269178" y="1913286"/>
        <a:ext cx="492349" cy="487478"/>
      </dsp:txXfrm>
    </dsp:sp>
    <dsp:sp modelId="{499B2D80-D839-40F2-9485-CE981433277E}">
      <dsp:nvSpPr>
        <dsp:cNvPr id="0" name=""/>
        <dsp:cNvSpPr/>
      </dsp:nvSpPr>
      <dsp:spPr>
        <a:xfrm rot="5400000">
          <a:off x="4285793" y="-1330477"/>
          <a:ext cx="727850" cy="6988630"/>
        </a:xfrm>
        <a:prstGeom prst="round2Same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-2790486"/>
              <a:satOff val="-15286"/>
              <a:lumOff val="4706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13792" tIns="10160" rIns="10160" bIns="10160" numCol="1" spcCol="1270" anchor="ctr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600" b="1" kern="1200" dirty="0" smtClean="0">
              <a:solidFill>
                <a:srgbClr val="0843B8"/>
              </a:solidFill>
            </a:rPr>
            <a:t>Психологическая безопасность образовательной деятельности</a:t>
          </a:r>
          <a:endParaRPr lang="ru-RU" sz="1600" b="1" kern="1200" dirty="0">
            <a:solidFill>
              <a:srgbClr val="0843B8"/>
            </a:solidFill>
          </a:endParaRPr>
        </a:p>
      </dsp:txBody>
      <dsp:txXfrm rot="-5400000">
        <a:off x="1155404" y="1835443"/>
        <a:ext cx="6953099" cy="656788"/>
      </dsp:txXfrm>
    </dsp:sp>
    <dsp:sp modelId="{4EDD2FC0-3920-4C46-AE3F-F73F7FA0DF15}">
      <dsp:nvSpPr>
        <dsp:cNvPr id="0" name=""/>
        <dsp:cNvSpPr/>
      </dsp:nvSpPr>
      <dsp:spPr>
        <a:xfrm>
          <a:off x="-93797" y="2960618"/>
          <a:ext cx="1154689" cy="492349"/>
        </a:xfrm>
        <a:prstGeom prst="chevron">
          <a:avLst/>
        </a:prstGeom>
        <a:solidFill>
          <a:schemeClr val="accent3">
            <a:hueOff val="-4185730"/>
            <a:satOff val="-22928"/>
            <a:lumOff val="7059"/>
            <a:alphaOff val="0"/>
          </a:schemeClr>
        </a:solidFill>
        <a:ln w="42500" cap="flat" cmpd="sng" algn="ctr">
          <a:solidFill>
            <a:schemeClr val="accent3">
              <a:hueOff val="-4185730"/>
              <a:satOff val="-22928"/>
              <a:lumOff val="7059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080" tIns="5080" rIns="5080" bIns="5080" numCol="1" spcCol="1270" anchor="ctr" anchorCtr="0">
          <a:noAutofit/>
        </a:bodyPr>
        <a:lstStyle/>
        <a:p>
          <a:pPr lvl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800" b="1" kern="1200" dirty="0">
            <a:solidFill>
              <a:srgbClr val="0843B8"/>
            </a:solidFill>
          </a:endParaRPr>
        </a:p>
      </dsp:txBody>
      <dsp:txXfrm rot="-5400000">
        <a:off x="237373" y="2875623"/>
        <a:ext cx="492349" cy="662340"/>
      </dsp:txXfrm>
    </dsp:sp>
    <dsp:sp modelId="{7C867C28-9844-4A99-B6D4-E15321916D19}">
      <dsp:nvSpPr>
        <dsp:cNvPr id="0" name=""/>
        <dsp:cNvSpPr/>
      </dsp:nvSpPr>
      <dsp:spPr>
        <a:xfrm rot="5400000">
          <a:off x="4315369" y="-359363"/>
          <a:ext cx="727850" cy="6930144"/>
        </a:xfrm>
        <a:prstGeom prst="round2Same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-4185730"/>
              <a:satOff val="-22928"/>
              <a:lumOff val="7059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13792" tIns="10160" rIns="10160" bIns="10160" numCol="1" spcCol="1270" anchor="ctr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600" b="1" kern="1200" dirty="0" smtClean="0">
              <a:solidFill>
                <a:srgbClr val="0843B8"/>
              </a:solidFill>
            </a:rPr>
            <a:t>Физическая безопасность образовательной среды</a:t>
          </a:r>
          <a:endParaRPr lang="ru-RU" sz="1600" b="1" kern="1200" dirty="0">
            <a:solidFill>
              <a:srgbClr val="0843B8"/>
            </a:solidFill>
          </a:endParaRPr>
        </a:p>
      </dsp:txBody>
      <dsp:txXfrm rot="-5400000">
        <a:off x="1214223" y="2777314"/>
        <a:ext cx="6894613" cy="656788"/>
      </dsp:txXfrm>
    </dsp:sp>
    <dsp:sp modelId="{47E55E6F-D470-43CB-946B-DD48BCA9FB8C}">
      <dsp:nvSpPr>
        <dsp:cNvPr id="0" name=""/>
        <dsp:cNvSpPr/>
      </dsp:nvSpPr>
      <dsp:spPr>
        <a:xfrm>
          <a:off x="-35317" y="3938746"/>
          <a:ext cx="1037729" cy="492349"/>
        </a:xfrm>
        <a:prstGeom prst="chevron">
          <a:avLst/>
        </a:prstGeom>
        <a:solidFill>
          <a:schemeClr val="accent3">
            <a:hueOff val="-5580973"/>
            <a:satOff val="-30571"/>
            <a:lumOff val="9412"/>
            <a:alphaOff val="0"/>
          </a:schemeClr>
        </a:solidFill>
        <a:ln w="42500" cap="flat" cmpd="sng" algn="ctr">
          <a:solidFill>
            <a:schemeClr val="accent3">
              <a:hueOff val="-5580973"/>
              <a:satOff val="-30571"/>
              <a:lumOff val="9412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080" tIns="5080" rIns="5080" bIns="5080" numCol="1" spcCol="1270" anchor="ctr" anchorCtr="0">
          <a:noAutofit/>
        </a:bodyPr>
        <a:lstStyle/>
        <a:p>
          <a:pPr lvl="0" algn="ctr" defTabSz="3556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800" b="1" kern="1200" dirty="0">
            <a:solidFill>
              <a:srgbClr val="0843B8"/>
            </a:solidFill>
          </a:endParaRPr>
        </a:p>
      </dsp:txBody>
      <dsp:txXfrm rot="-5400000">
        <a:off x="237373" y="3912231"/>
        <a:ext cx="492349" cy="545380"/>
      </dsp:txXfrm>
    </dsp:sp>
    <dsp:sp modelId="{FCE1DEF1-C0BF-4199-BB12-200D9B4A0D64}">
      <dsp:nvSpPr>
        <dsp:cNvPr id="0" name=""/>
        <dsp:cNvSpPr/>
      </dsp:nvSpPr>
      <dsp:spPr>
        <a:xfrm rot="5400000">
          <a:off x="4305751" y="516244"/>
          <a:ext cx="727850" cy="7027769"/>
        </a:xfrm>
        <a:prstGeom prst="round2Same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-5580973"/>
              <a:satOff val="-30571"/>
              <a:lumOff val="9412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13792" tIns="10160" rIns="10160" bIns="10160" numCol="1" spcCol="1270" anchor="ctr" anchorCtr="0">
          <a:noAutofit/>
        </a:bodyPr>
        <a:lstStyle/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600" b="1" kern="1200" dirty="0" smtClean="0">
              <a:solidFill>
                <a:srgbClr val="0843B8"/>
              </a:solidFill>
            </a:rPr>
            <a:t>Пищевая безопасность образовательной организации</a:t>
          </a:r>
          <a:endParaRPr lang="ru-RU" sz="1600" b="1" kern="1200" dirty="0">
            <a:solidFill>
              <a:srgbClr val="0843B8"/>
            </a:solidFill>
          </a:endParaRPr>
        </a:p>
      </dsp:txBody>
      <dsp:txXfrm rot="-5400000">
        <a:off x="1155792" y="3701735"/>
        <a:ext cx="6992238" cy="656788"/>
      </dsp:txXfrm>
    </dsp:sp>
  </dsp:spTree>
</dsp:drawing>
</file>

<file path=ppt/diagrams/drawing8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DEFE261F-9762-45A8-88CB-510F8DAFDC8E}">
      <dsp:nvSpPr>
        <dsp:cNvPr id="0" name=""/>
        <dsp:cNvSpPr/>
      </dsp:nvSpPr>
      <dsp:spPr>
        <a:xfrm rot="5400000">
          <a:off x="-108080" y="111224"/>
          <a:ext cx="720535" cy="504375"/>
        </a:xfrm>
        <a:prstGeom prst="chevron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350" tIns="6350" rIns="6350" bIns="6350" numCol="1" spcCol="1270" anchor="ctr" anchorCtr="0">
          <a:noAutofit/>
        </a:bodyPr>
        <a:lstStyle/>
        <a:p>
          <a:pPr lvl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000" kern="1200" dirty="0">
            <a:solidFill>
              <a:srgbClr val="0843B8"/>
            </a:solidFill>
          </a:endParaRPr>
        </a:p>
      </dsp:txBody>
      <dsp:txXfrm rot="-5400000">
        <a:off x="1" y="255332"/>
        <a:ext cx="504375" cy="216160"/>
      </dsp:txXfrm>
    </dsp:sp>
    <dsp:sp modelId="{1F72CCEA-4E3B-40A1-AE99-4E7768ED14B8}">
      <dsp:nvSpPr>
        <dsp:cNvPr id="0" name=""/>
        <dsp:cNvSpPr/>
      </dsp:nvSpPr>
      <dsp:spPr>
        <a:xfrm rot="5400000">
          <a:off x="4194477" y="-3686958"/>
          <a:ext cx="468348" cy="7848552"/>
        </a:xfrm>
        <a:prstGeom prst="round2SameRect">
          <a:avLst/>
        </a:prstGeom>
        <a:solidFill>
          <a:schemeClr val="accent3">
            <a:alpha val="90000"/>
            <a:tint val="4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06680" tIns="9525" rIns="9525" bIns="9525" numCol="1" spcCol="1270" anchor="ctr" anchorCtr="0">
          <a:noAutofit/>
        </a:bodyPr>
        <a:lstStyle/>
        <a:p>
          <a:pPr marL="114300" lvl="1" indent="-114300" algn="l" defTabSz="6667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500" b="1" kern="1200" dirty="0" smtClean="0">
              <a:solidFill>
                <a:srgbClr val="0843B8"/>
              </a:solidFill>
            </a:rPr>
            <a:t> Общий </a:t>
          </a:r>
          <a:r>
            <a:rPr lang="ru-RU" sz="1500" b="1" kern="1200" dirty="0" err="1" smtClean="0">
              <a:solidFill>
                <a:srgbClr val="0843B8"/>
              </a:solidFill>
            </a:rPr>
            <a:t>видеобзор</a:t>
          </a:r>
          <a:r>
            <a:rPr lang="ru-RU" sz="1500" b="1" kern="1200" dirty="0" smtClean="0">
              <a:solidFill>
                <a:srgbClr val="0843B8"/>
              </a:solidFill>
            </a:rPr>
            <a:t>: цели, задачи – 1,5 мин</a:t>
          </a:r>
          <a:r>
            <a:rPr lang="ru-RU" sz="1400" b="0" kern="1200" dirty="0" smtClean="0">
              <a:solidFill>
                <a:srgbClr val="0843B8"/>
              </a:solidFill>
            </a:rPr>
            <a:t>.</a:t>
          </a:r>
          <a:endParaRPr lang="ru-RU" sz="1400" b="0" kern="1200" dirty="0">
            <a:solidFill>
              <a:srgbClr val="0843B8"/>
            </a:solidFill>
          </a:endParaRPr>
        </a:p>
      </dsp:txBody>
      <dsp:txXfrm rot="-5400000">
        <a:off x="504376" y="26006"/>
        <a:ext cx="7825689" cy="422622"/>
      </dsp:txXfrm>
    </dsp:sp>
    <dsp:sp modelId="{0D1646E9-64B6-4A74-9B9F-99FDB775BB16}">
      <dsp:nvSpPr>
        <dsp:cNvPr id="0" name=""/>
        <dsp:cNvSpPr/>
      </dsp:nvSpPr>
      <dsp:spPr>
        <a:xfrm rot="5400000">
          <a:off x="-108080" y="758332"/>
          <a:ext cx="720535" cy="504375"/>
        </a:xfrm>
        <a:prstGeom prst="chevron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350" tIns="6350" rIns="6350" bIns="6350" numCol="1" spcCol="1270" anchor="ctr" anchorCtr="0">
          <a:noAutofit/>
        </a:bodyPr>
        <a:lstStyle/>
        <a:p>
          <a:pPr lvl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000" kern="1200">
            <a:solidFill>
              <a:srgbClr val="0843B8"/>
            </a:solidFill>
          </a:endParaRPr>
        </a:p>
      </dsp:txBody>
      <dsp:txXfrm rot="-5400000">
        <a:off x="1" y="902440"/>
        <a:ext cx="504375" cy="216160"/>
      </dsp:txXfrm>
    </dsp:sp>
    <dsp:sp modelId="{FF0A6F30-F94F-48B2-B48D-D8CD28AFFA99}">
      <dsp:nvSpPr>
        <dsp:cNvPr id="0" name=""/>
        <dsp:cNvSpPr/>
      </dsp:nvSpPr>
      <dsp:spPr>
        <a:xfrm rot="5400000">
          <a:off x="4194477" y="-3039849"/>
          <a:ext cx="468348" cy="7848552"/>
        </a:xfrm>
        <a:prstGeom prst="round2SameRect">
          <a:avLst/>
        </a:prstGeom>
        <a:solidFill>
          <a:schemeClr val="accent3">
            <a:alpha val="90000"/>
            <a:tint val="4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8890" rIns="8890" bIns="8890" numCol="1" spcCol="1270" anchor="ctr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400" b="1" kern="1200" dirty="0" smtClean="0">
              <a:solidFill>
                <a:srgbClr val="0843B8"/>
              </a:solidFill>
            </a:rPr>
            <a:t> </a:t>
          </a:r>
          <a:r>
            <a:rPr lang="ru-RU" sz="1500" b="1" kern="1200" dirty="0" smtClean="0">
              <a:solidFill>
                <a:srgbClr val="0843B8"/>
              </a:solidFill>
            </a:rPr>
            <a:t>Вводный тест</a:t>
          </a:r>
          <a:endParaRPr lang="ru-RU" sz="1500" b="1" kern="1200" dirty="0">
            <a:solidFill>
              <a:srgbClr val="0843B8"/>
            </a:solidFill>
          </a:endParaRPr>
        </a:p>
      </dsp:txBody>
      <dsp:txXfrm rot="-5400000">
        <a:off x="504376" y="673115"/>
        <a:ext cx="7825689" cy="422622"/>
      </dsp:txXfrm>
    </dsp:sp>
    <dsp:sp modelId="{1BD88B71-DDB8-49EE-8488-5854A562784F}">
      <dsp:nvSpPr>
        <dsp:cNvPr id="0" name=""/>
        <dsp:cNvSpPr/>
      </dsp:nvSpPr>
      <dsp:spPr>
        <a:xfrm rot="5400000">
          <a:off x="-108080" y="1405441"/>
          <a:ext cx="720535" cy="504375"/>
        </a:xfrm>
        <a:prstGeom prst="chevron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890" tIns="8890" rIns="8890" bIns="889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400" b="1" kern="1200" dirty="0" smtClean="0">
              <a:solidFill>
                <a:srgbClr val="0843B8"/>
              </a:solidFill>
            </a:rPr>
            <a:t>Т1</a:t>
          </a:r>
          <a:endParaRPr lang="ru-RU" sz="1400" b="1" kern="1200" dirty="0">
            <a:solidFill>
              <a:srgbClr val="0843B8"/>
            </a:solidFill>
          </a:endParaRPr>
        </a:p>
      </dsp:txBody>
      <dsp:txXfrm rot="-5400000">
        <a:off x="1" y="1549549"/>
        <a:ext cx="504375" cy="216160"/>
      </dsp:txXfrm>
    </dsp:sp>
    <dsp:sp modelId="{E8F6619E-FE7C-44D3-8B2E-3704A0E24AC5}">
      <dsp:nvSpPr>
        <dsp:cNvPr id="0" name=""/>
        <dsp:cNvSpPr/>
      </dsp:nvSpPr>
      <dsp:spPr>
        <a:xfrm rot="5400000">
          <a:off x="4194477" y="-2392741"/>
          <a:ext cx="468348" cy="7848552"/>
        </a:xfrm>
        <a:prstGeom prst="round2SameRect">
          <a:avLst/>
        </a:prstGeom>
        <a:solidFill>
          <a:schemeClr val="accent3">
            <a:alpha val="90000"/>
            <a:tint val="4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8890" rIns="8890" bIns="8890" numCol="1" spcCol="1270" anchor="ctr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400" kern="1200" dirty="0" smtClean="0">
              <a:solidFill>
                <a:srgbClr val="0843B8"/>
              </a:solidFill>
            </a:rPr>
            <a:t> </a:t>
          </a:r>
          <a:r>
            <a:rPr lang="ru-RU" sz="1500" b="1" kern="1200" dirty="0" smtClean="0">
              <a:solidFill>
                <a:srgbClr val="0843B8"/>
              </a:solidFill>
            </a:rPr>
            <a:t>Задание</a:t>
          </a:r>
          <a:r>
            <a:rPr lang="ru-RU" sz="1500" b="1" kern="1200" dirty="0" smtClean="0">
              <a:solidFill>
                <a:srgbClr val="0843B8"/>
              </a:solidFill>
            </a:rPr>
            <a:t>; </a:t>
          </a:r>
          <a:r>
            <a:rPr lang="ru-RU" sz="1500" b="1" kern="1200" dirty="0" err="1" smtClean="0">
              <a:solidFill>
                <a:srgbClr val="0843B8"/>
              </a:solidFill>
            </a:rPr>
            <a:t>Видеоурок</a:t>
          </a:r>
          <a:r>
            <a:rPr lang="ru-RU" sz="1500" b="1" kern="1200" dirty="0" smtClean="0">
              <a:solidFill>
                <a:srgbClr val="0843B8"/>
              </a:solidFill>
            </a:rPr>
            <a:t> – 22 мин.; Задание для самостоятельной работы; Тест 1.2.</a:t>
          </a:r>
          <a:endParaRPr lang="ru-RU" sz="1500" b="1" kern="1200" dirty="0">
            <a:solidFill>
              <a:srgbClr val="0843B8"/>
            </a:solidFill>
          </a:endParaRPr>
        </a:p>
      </dsp:txBody>
      <dsp:txXfrm rot="-5400000">
        <a:off x="504376" y="1320223"/>
        <a:ext cx="7825689" cy="422622"/>
      </dsp:txXfrm>
    </dsp:sp>
    <dsp:sp modelId="{0D7C471D-AE61-4AFC-B636-D73BCB684CDE}">
      <dsp:nvSpPr>
        <dsp:cNvPr id="0" name=""/>
        <dsp:cNvSpPr/>
      </dsp:nvSpPr>
      <dsp:spPr>
        <a:xfrm rot="5400000">
          <a:off x="-108080" y="2052550"/>
          <a:ext cx="720535" cy="504375"/>
        </a:xfrm>
        <a:prstGeom prst="chevron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890" tIns="8890" rIns="8890" bIns="889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400" b="1" kern="1200" dirty="0" smtClean="0">
              <a:solidFill>
                <a:srgbClr val="0843B8"/>
              </a:solidFill>
            </a:rPr>
            <a:t>Т2</a:t>
          </a:r>
          <a:endParaRPr lang="ru-RU" sz="1400" b="1" kern="1200" dirty="0">
            <a:solidFill>
              <a:srgbClr val="0843B8"/>
            </a:solidFill>
          </a:endParaRPr>
        </a:p>
      </dsp:txBody>
      <dsp:txXfrm rot="-5400000">
        <a:off x="1" y="2196658"/>
        <a:ext cx="504375" cy="216160"/>
      </dsp:txXfrm>
    </dsp:sp>
    <dsp:sp modelId="{91011A13-5716-45D7-8581-4B6CDCFDCD14}">
      <dsp:nvSpPr>
        <dsp:cNvPr id="0" name=""/>
        <dsp:cNvSpPr/>
      </dsp:nvSpPr>
      <dsp:spPr>
        <a:xfrm rot="5400000">
          <a:off x="4194477" y="-1745632"/>
          <a:ext cx="468348" cy="7848552"/>
        </a:xfrm>
        <a:prstGeom prst="round2SameRect">
          <a:avLst/>
        </a:prstGeom>
        <a:solidFill>
          <a:schemeClr val="accent3">
            <a:alpha val="90000"/>
            <a:tint val="4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8890" rIns="8890" bIns="8890" numCol="1" spcCol="1270" anchor="ctr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400" b="1" kern="1200" dirty="0" smtClean="0">
              <a:solidFill>
                <a:srgbClr val="0843B8"/>
              </a:solidFill>
            </a:rPr>
            <a:t> </a:t>
          </a:r>
          <a:r>
            <a:rPr lang="ru-RU" sz="1500" b="1" kern="1200" dirty="0" smtClean="0">
              <a:solidFill>
                <a:srgbClr val="0843B8"/>
              </a:solidFill>
            </a:rPr>
            <a:t>Тест 2.1.; задание; </a:t>
          </a:r>
          <a:r>
            <a:rPr lang="ru-RU" sz="1500" b="1" kern="1200" dirty="0" err="1" smtClean="0">
              <a:solidFill>
                <a:srgbClr val="0843B8"/>
              </a:solidFill>
            </a:rPr>
            <a:t>Видеоурок</a:t>
          </a:r>
          <a:r>
            <a:rPr lang="ru-RU" sz="1500" b="1" kern="1200" dirty="0" smtClean="0">
              <a:solidFill>
                <a:srgbClr val="0843B8"/>
              </a:solidFill>
            </a:rPr>
            <a:t> – 34 мин.; Задание для самостоятельной работы; Тест 2.2.</a:t>
          </a:r>
          <a:endParaRPr lang="ru-RU" sz="1500" b="1" kern="1200" dirty="0">
            <a:solidFill>
              <a:srgbClr val="0843B8"/>
            </a:solidFill>
          </a:endParaRPr>
        </a:p>
      </dsp:txBody>
      <dsp:txXfrm rot="-5400000">
        <a:off x="504376" y="1967332"/>
        <a:ext cx="7825689" cy="422622"/>
      </dsp:txXfrm>
    </dsp:sp>
    <dsp:sp modelId="{3C0415AD-C6C7-47D6-9BB2-54C3FE15B348}">
      <dsp:nvSpPr>
        <dsp:cNvPr id="0" name=""/>
        <dsp:cNvSpPr/>
      </dsp:nvSpPr>
      <dsp:spPr>
        <a:xfrm rot="5400000">
          <a:off x="-108080" y="2699658"/>
          <a:ext cx="720535" cy="504375"/>
        </a:xfrm>
        <a:prstGeom prst="chevron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890" tIns="8890" rIns="8890" bIns="889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400" b="1" kern="1200" dirty="0" smtClean="0">
              <a:solidFill>
                <a:srgbClr val="0843B8"/>
              </a:solidFill>
            </a:rPr>
            <a:t>Т3</a:t>
          </a:r>
          <a:endParaRPr lang="ru-RU" sz="1400" b="1" kern="1200" dirty="0">
            <a:solidFill>
              <a:srgbClr val="0843B8"/>
            </a:solidFill>
          </a:endParaRPr>
        </a:p>
      </dsp:txBody>
      <dsp:txXfrm rot="-5400000">
        <a:off x="1" y="2843766"/>
        <a:ext cx="504375" cy="216160"/>
      </dsp:txXfrm>
    </dsp:sp>
    <dsp:sp modelId="{BA7447D1-1B2D-48D6-B60D-9A02E205F898}">
      <dsp:nvSpPr>
        <dsp:cNvPr id="0" name=""/>
        <dsp:cNvSpPr/>
      </dsp:nvSpPr>
      <dsp:spPr>
        <a:xfrm rot="5400000">
          <a:off x="4194477" y="-1098523"/>
          <a:ext cx="468348" cy="7848552"/>
        </a:xfrm>
        <a:prstGeom prst="round2SameRect">
          <a:avLst/>
        </a:prstGeom>
        <a:solidFill>
          <a:schemeClr val="accent3">
            <a:alpha val="90000"/>
            <a:tint val="4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8890" rIns="8890" bIns="8890" numCol="1" spcCol="1270" anchor="ctr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400" kern="1200" dirty="0" smtClean="0">
              <a:solidFill>
                <a:srgbClr val="0843B8"/>
              </a:solidFill>
            </a:rPr>
            <a:t> </a:t>
          </a:r>
          <a:r>
            <a:rPr lang="ru-RU" sz="1500" b="1" kern="1200" dirty="0" smtClean="0">
              <a:solidFill>
                <a:srgbClr val="0843B8"/>
              </a:solidFill>
            </a:rPr>
            <a:t>Тест 3.1.; задание; </a:t>
          </a:r>
          <a:r>
            <a:rPr lang="ru-RU" sz="1500" b="1" kern="1200" dirty="0" err="1" smtClean="0">
              <a:solidFill>
                <a:srgbClr val="0843B8"/>
              </a:solidFill>
            </a:rPr>
            <a:t>Видеоурок</a:t>
          </a:r>
          <a:r>
            <a:rPr lang="ru-RU" sz="1500" b="1" kern="1200" dirty="0" smtClean="0">
              <a:solidFill>
                <a:srgbClr val="0843B8"/>
              </a:solidFill>
            </a:rPr>
            <a:t> – 30 мин.; Задание для самостоятельной работы; Тест 3.2.</a:t>
          </a:r>
          <a:endParaRPr lang="ru-RU" sz="1500" b="1" kern="1200" dirty="0">
            <a:solidFill>
              <a:srgbClr val="0843B8"/>
            </a:solidFill>
          </a:endParaRPr>
        </a:p>
      </dsp:txBody>
      <dsp:txXfrm rot="-5400000">
        <a:off x="504376" y="2614441"/>
        <a:ext cx="7825689" cy="422622"/>
      </dsp:txXfrm>
    </dsp:sp>
    <dsp:sp modelId="{05D20C9D-19BB-4F3A-81C5-342B063CFF96}">
      <dsp:nvSpPr>
        <dsp:cNvPr id="0" name=""/>
        <dsp:cNvSpPr/>
      </dsp:nvSpPr>
      <dsp:spPr>
        <a:xfrm rot="5400000">
          <a:off x="-108080" y="3346767"/>
          <a:ext cx="720535" cy="504375"/>
        </a:xfrm>
        <a:prstGeom prst="chevron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890" tIns="8890" rIns="8890" bIns="889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400" b="1" kern="1200" dirty="0" smtClean="0">
              <a:solidFill>
                <a:srgbClr val="0843B8"/>
              </a:solidFill>
            </a:rPr>
            <a:t>Т4</a:t>
          </a:r>
          <a:endParaRPr lang="ru-RU" sz="1400" b="1" kern="1200" dirty="0">
            <a:solidFill>
              <a:srgbClr val="0843B8"/>
            </a:solidFill>
          </a:endParaRPr>
        </a:p>
      </dsp:txBody>
      <dsp:txXfrm rot="-5400000">
        <a:off x="1" y="3490875"/>
        <a:ext cx="504375" cy="216160"/>
      </dsp:txXfrm>
    </dsp:sp>
    <dsp:sp modelId="{3B55A202-B261-4BF9-BD78-5680C2E071AB}">
      <dsp:nvSpPr>
        <dsp:cNvPr id="0" name=""/>
        <dsp:cNvSpPr/>
      </dsp:nvSpPr>
      <dsp:spPr>
        <a:xfrm rot="5400000">
          <a:off x="4194477" y="-451415"/>
          <a:ext cx="468348" cy="7848552"/>
        </a:xfrm>
        <a:prstGeom prst="round2SameRect">
          <a:avLst/>
        </a:prstGeom>
        <a:solidFill>
          <a:schemeClr val="accent3">
            <a:alpha val="90000"/>
            <a:tint val="4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8890" rIns="8890" bIns="8890" numCol="1" spcCol="1270" anchor="ctr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400" kern="1200" dirty="0" smtClean="0">
              <a:solidFill>
                <a:srgbClr val="0843B8"/>
              </a:solidFill>
            </a:rPr>
            <a:t> </a:t>
          </a:r>
          <a:r>
            <a:rPr lang="ru-RU" sz="1500" b="1" kern="1200" dirty="0" smtClean="0">
              <a:solidFill>
                <a:srgbClr val="0843B8"/>
              </a:solidFill>
            </a:rPr>
            <a:t>Тест 4.1.; задание; </a:t>
          </a:r>
          <a:r>
            <a:rPr lang="ru-RU" sz="1500" b="1" kern="1200" dirty="0" err="1" smtClean="0">
              <a:solidFill>
                <a:srgbClr val="0843B8"/>
              </a:solidFill>
            </a:rPr>
            <a:t>Видеоурок</a:t>
          </a:r>
          <a:r>
            <a:rPr lang="ru-RU" sz="1500" b="1" kern="1200" dirty="0" smtClean="0">
              <a:solidFill>
                <a:srgbClr val="0843B8"/>
              </a:solidFill>
            </a:rPr>
            <a:t> – 24 мин.; Задание для самостоятельной работы; Тест 4.2.</a:t>
          </a:r>
          <a:endParaRPr lang="ru-RU" sz="1500" b="1" kern="1200" dirty="0">
            <a:solidFill>
              <a:srgbClr val="0843B8"/>
            </a:solidFill>
          </a:endParaRPr>
        </a:p>
      </dsp:txBody>
      <dsp:txXfrm rot="-5400000">
        <a:off x="504376" y="3261549"/>
        <a:ext cx="7825689" cy="422622"/>
      </dsp:txXfrm>
    </dsp:sp>
    <dsp:sp modelId="{E9BD0F45-9A6A-4B9C-BCC9-C3B9DF9A0721}">
      <dsp:nvSpPr>
        <dsp:cNvPr id="0" name=""/>
        <dsp:cNvSpPr/>
      </dsp:nvSpPr>
      <dsp:spPr>
        <a:xfrm rot="5400000">
          <a:off x="-108080" y="3993876"/>
          <a:ext cx="720535" cy="504375"/>
        </a:xfrm>
        <a:prstGeom prst="chevron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890" tIns="8890" rIns="8890" bIns="889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400" kern="1200" dirty="0" smtClean="0">
              <a:solidFill>
                <a:srgbClr val="0843B8"/>
              </a:solidFill>
            </a:rPr>
            <a:t>Т5</a:t>
          </a:r>
          <a:endParaRPr lang="ru-RU" sz="1400" kern="1200" dirty="0">
            <a:solidFill>
              <a:srgbClr val="0843B8"/>
            </a:solidFill>
          </a:endParaRPr>
        </a:p>
      </dsp:txBody>
      <dsp:txXfrm rot="-5400000">
        <a:off x="1" y="4137984"/>
        <a:ext cx="504375" cy="216160"/>
      </dsp:txXfrm>
    </dsp:sp>
    <dsp:sp modelId="{5C036E85-11A4-4080-A901-4C0ECFA90E27}">
      <dsp:nvSpPr>
        <dsp:cNvPr id="0" name=""/>
        <dsp:cNvSpPr/>
      </dsp:nvSpPr>
      <dsp:spPr>
        <a:xfrm rot="5400000">
          <a:off x="4194477" y="195693"/>
          <a:ext cx="468348" cy="7848552"/>
        </a:xfrm>
        <a:prstGeom prst="round2SameRect">
          <a:avLst/>
        </a:prstGeom>
        <a:solidFill>
          <a:schemeClr val="accent3">
            <a:alpha val="90000"/>
            <a:tint val="4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06680" tIns="9525" rIns="9525" bIns="9525" numCol="1" spcCol="1270" anchor="ctr" anchorCtr="0">
          <a:noAutofit/>
        </a:bodyPr>
        <a:lstStyle/>
        <a:p>
          <a:pPr marL="114300" lvl="1" indent="-114300" algn="l" defTabSz="6667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500" b="1" kern="1200" dirty="0" smtClean="0">
              <a:solidFill>
                <a:srgbClr val="0843B8"/>
              </a:solidFill>
            </a:rPr>
            <a:t> Задание; </a:t>
          </a:r>
          <a:r>
            <a:rPr lang="ru-RU" sz="1500" b="1" kern="1200" dirty="0" err="1" smtClean="0">
              <a:solidFill>
                <a:srgbClr val="0843B8"/>
              </a:solidFill>
            </a:rPr>
            <a:t>Видеоурок</a:t>
          </a:r>
          <a:r>
            <a:rPr lang="ru-RU" sz="1500" b="1" kern="1200" dirty="0" smtClean="0">
              <a:solidFill>
                <a:srgbClr val="0843B8"/>
              </a:solidFill>
            </a:rPr>
            <a:t> – 20 мин.; Задание для самостоятельной работы; Тест </a:t>
          </a:r>
          <a:endParaRPr lang="ru-RU" sz="1500" b="1" kern="1200" dirty="0">
            <a:solidFill>
              <a:srgbClr val="0843B8"/>
            </a:solidFill>
          </a:endParaRPr>
        </a:p>
      </dsp:txBody>
      <dsp:txXfrm rot="-5400000">
        <a:off x="504376" y="3908658"/>
        <a:ext cx="7825689" cy="422622"/>
      </dsp:txXfrm>
    </dsp:sp>
    <dsp:sp modelId="{3F342A88-0757-4CB7-BA01-83777CE69C97}">
      <dsp:nvSpPr>
        <dsp:cNvPr id="0" name=""/>
        <dsp:cNvSpPr/>
      </dsp:nvSpPr>
      <dsp:spPr>
        <a:xfrm rot="5400000">
          <a:off x="-108080" y="4640984"/>
          <a:ext cx="720535" cy="504375"/>
        </a:xfrm>
        <a:prstGeom prst="chevron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shade val="8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890" tIns="8890" rIns="8890" bIns="889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400" kern="1200" dirty="0" smtClean="0">
              <a:solidFill>
                <a:srgbClr val="0843B8"/>
              </a:solidFill>
            </a:rPr>
            <a:t>Т6</a:t>
          </a:r>
          <a:endParaRPr lang="ru-RU" sz="1400" kern="1200" dirty="0">
            <a:solidFill>
              <a:srgbClr val="0843B8"/>
            </a:solidFill>
          </a:endParaRPr>
        </a:p>
      </dsp:txBody>
      <dsp:txXfrm rot="-5400000">
        <a:off x="1" y="4785092"/>
        <a:ext cx="504375" cy="216160"/>
      </dsp:txXfrm>
    </dsp:sp>
    <dsp:sp modelId="{EC7B07F3-4302-4B26-8459-D0D8D2A414B8}">
      <dsp:nvSpPr>
        <dsp:cNvPr id="0" name=""/>
        <dsp:cNvSpPr/>
      </dsp:nvSpPr>
      <dsp:spPr>
        <a:xfrm rot="5400000">
          <a:off x="4194477" y="842802"/>
          <a:ext cx="468348" cy="7848552"/>
        </a:xfrm>
        <a:prstGeom prst="round2SameRect">
          <a:avLst/>
        </a:prstGeom>
        <a:solidFill>
          <a:schemeClr val="accent3">
            <a:alpha val="90000"/>
            <a:tint val="40000"/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accent3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06680" tIns="9525" rIns="9525" bIns="9525" numCol="1" spcCol="1270" anchor="ctr" anchorCtr="0">
          <a:noAutofit/>
        </a:bodyPr>
        <a:lstStyle/>
        <a:p>
          <a:pPr marL="114300" lvl="1" indent="-114300" algn="l" defTabSz="6667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ru-RU" sz="1500" b="1" kern="1200" dirty="0" smtClean="0">
              <a:solidFill>
                <a:srgbClr val="0843B8"/>
              </a:solidFill>
            </a:rPr>
            <a:t> Задание; 5 </a:t>
          </a:r>
          <a:r>
            <a:rPr lang="ru-RU" sz="1500" b="1" kern="1200" dirty="0" err="1" smtClean="0">
              <a:solidFill>
                <a:srgbClr val="0843B8"/>
              </a:solidFill>
            </a:rPr>
            <a:t>видеоуроков</a:t>
          </a:r>
          <a:r>
            <a:rPr lang="ru-RU" sz="1500" b="1" kern="1200" dirty="0" smtClean="0">
              <a:solidFill>
                <a:srgbClr val="0843B8"/>
              </a:solidFill>
            </a:rPr>
            <a:t> – 5-40 мин.; Тест </a:t>
          </a:r>
          <a:endParaRPr lang="ru-RU" sz="1500" b="1" kern="1200" dirty="0">
            <a:solidFill>
              <a:srgbClr val="0843B8"/>
            </a:solidFill>
          </a:endParaRPr>
        </a:p>
      </dsp:txBody>
      <dsp:txXfrm rot="-5400000">
        <a:off x="504376" y="4555767"/>
        <a:ext cx="7825689" cy="422622"/>
      </dsp:txXfrm>
    </dsp:sp>
  </dsp:spTree>
</dsp:drawing>
</file>

<file path=ppt/diagrams/drawing9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25F1297C-030C-4B9E-9A30-D3066C65B232}">
      <dsp:nvSpPr>
        <dsp:cNvPr id="0" name=""/>
        <dsp:cNvSpPr/>
      </dsp:nvSpPr>
      <dsp:spPr>
        <a:xfrm>
          <a:off x="6835" y="57500"/>
          <a:ext cx="2042945" cy="1225767"/>
        </a:xfrm>
        <a:prstGeom prst="roundRect">
          <a:avLst>
            <a:gd name="adj" fmla="val 10000"/>
          </a:avLst>
        </a:prstGeom>
        <a:solidFill>
          <a:schemeClr val="accent2">
            <a:hueOff val="0"/>
            <a:satOff val="0"/>
            <a:lumOff val="0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3820" tIns="83820" rIns="83820" bIns="83820" numCol="1" spcCol="1270" anchor="ctr" anchorCtr="0">
          <a:noAutofit/>
        </a:bodyPr>
        <a:lstStyle/>
        <a:p>
          <a:pPr lvl="0" algn="ctr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200" kern="1200" dirty="0" smtClean="0"/>
            <a:t>Регистрация</a:t>
          </a:r>
          <a:endParaRPr lang="ru-RU" sz="2200" kern="1200" dirty="0"/>
        </a:p>
      </dsp:txBody>
      <dsp:txXfrm>
        <a:off x="42736" y="93401"/>
        <a:ext cx="1971143" cy="1153965"/>
      </dsp:txXfrm>
    </dsp:sp>
    <dsp:sp modelId="{DB407181-2193-4B2A-AC96-37F8067E5908}">
      <dsp:nvSpPr>
        <dsp:cNvPr id="0" name=""/>
        <dsp:cNvSpPr/>
      </dsp:nvSpPr>
      <dsp:spPr>
        <a:xfrm>
          <a:off x="2254075" y="417058"/>
          <a:ext cx="433104" cy="506650"/>
        </a:xfrm>
        <a:prstGeom prst="rightArrow">
          <a:avLst>
            <a:gd name="adj1" fmla="val 60000"/>
            <a:gd name="adj2" fmla="val 50000"/>
          </a:avLst>
        </a:prstGeom>
        <a:solidFill>
          <a:schemeClr val="accent2"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0" tIns="0" rIns="0" bIns="0" numCol="1" spcCol="1270" anchor="ctr" anchorCtr="0">
          <a:noAutofit/>
        </a:bodyPr>
        <a:lstStyle/>
        <a:p>
          <a:pPr lvl="0" algn="ctr" defTabSz="8001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800" kern="1200"/>
        </a:p>
      </dsp:txBody>
      <dsp:txXfrm>
        <a:off x="2254075" y="518388"/>
        <a:ext cx="303173" cy="303990"/>
      </dsp:txXfrm>
    </dsp:sp>
    <dsp:sp modelId="{896343C4-F91A-475E-A68C-665D75BF4723}">
      <dsp:nvSpPr>
        <dsp:cNvPr id="0" name=""/>
        <dsp:cNvSpPr/>
      </dsp:nvSpPr>
      <dsp:spPr>
        <a:xfrm>
          <a:off x="2866959" y="57500"/>
          <a:ext cx="2042945" cy="1225767"/>
        </a:xfrm>
        <a:prstGeom prst="roundRect">
          <a:avLst>
            <a:gd name="adj" fmla="val 10000"/>
          </a:avLst>
        </a:prstGeom>
        <a:solidFill>
          <a:schemeClr val="accent2">
            <a:hueOff val="-4533601"/>
            <a:satOff val="2618"/>
            <a:lumOff val="-4804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3820" tIns="83820" rIns="83820" bIns="83820" numCol="1" spcCol="1270" anchor="ctr" anchorCtr="0">
          <a:noAutofit/>
        </a:bodyPr>
        <a:lstStyle/>
        <a:p>
          <a:pPr lvl="0" algn="ctr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200" kern="1200" dirty="0" smtClean="0"/>
            <a:t>Обучение</a:t>
          </a:r>
          <a:endParaRPr lang="ru-RU" sz="2200" kern="1200" dirty="0"/>
        </a:p>
      </dsp:txBody>
      <dsp:txXfrm>
        <a:off x="2902860" y="93401"/>
        <a:ext cx="1971143" cy="1153965"/>
      </dsp:txXfrm>
    </dsp:sp>
    <dsp:sp modelId="{DC0B8756-AA7D-4F5B-AF59-9AF623C6A56E}">
      <dsp:nvSpPr>
        <dsp:cNvPr id="0" name=""/>
        <dsp:cNvSpPr/>
      </dsp:nvSpPr>
      <dsp:spPr>
        <a:xfrm>
          <a:off x="5114199" y="417058"/>
          <a:ext cx="433104" cy="506650"/>
        </a:xfrm>
        <a:prstGeom prst="rightArrow">
          <a:avLst>
            <a:gd name="adj1" fmla="val 60000"/>
            <a:gd name="adj2" fmla="val 50000"/>
          </a:avLst>
        </a:prstGeom>
        <a:solidFill>
          <a:schemeClr val="accent2">
            <a:hueOff val="-9067202"/>
            <a:satOff val="5236"/>
            <a:lumOff val="-9607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0" tIns="0" rIns="0" bIns="0" numCol="1" spcCol="1270" anchor="ctr" anchorCtr="0">
          <a:noAutofit/>
        </a:bodyPr>
        <a:lstStyle/>
        <a:p>
          <a:pPr lvl="0" algn="ctr" defTabSz="8001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800" kern="1200"/>
        </a:p>
      </dsp:txBody>
      <dsp:txXfrm>
        <a:off x="5114199" y="518388"/>
        <a:ext cx="303173" cy="303990"/>
      </dsp:txXfrm>
    </dsp:sp>
    <dsp:sp modelId="{D266B487-EBB6-4FBA-9498-FEF83EB6B719}">
      <dsp:nvSpPr>
        <dsp:cNvPr id="0" name=""/>
        <dsp:cNvSpPr/>
      </dsp:nvSpPr>
      <dsp:spPr>
        <a:xfrm>
          <a:off x="5727083" y="57500"/>
          <a:ext cx="2042945" cy="1225767"/>
        </a:xfrm>
        <a:prstGeom prst="roundRect">
          <a:avLst>
            <a:gd name="adj" fmla="val 10000"/>
          </a:avLst>
        </a:prstGeom>
        <a:solidFill>
          <a:schemeClr val="accent2">
            <a:hueOff val="-9067202"/>
            <a:satOff val="5236"/>
            <a:lumOff val="-9607"/>
            <a:alphaOff val="0"/>
          </a:schemeClr>
        </a:solidFill>
        <a:ln w="425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3820" tIns="83820" rIns="83820" bIns="83820" numCol="1" spcCol="1270" anchor="ctr" anchorCtr="0">
          <a:noAutofit/>
        </a:bodyPr>
        <a:lstStyle/>
        <a:p>
          <a:pPr lvl="0" algn="ctr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200" kern="1200" dirty="0" smtClean="0"/>
            <a:t>Сертификат</a:t>
          </a:r>
          <a:endParaRPr lang="ru-RU" sz="2200" kern="1200" dirty="0"/>
        </a:p>
      </dsp:txBody>
      <dsp:txXfrm>
        <a:off x="5762984" y="93401"/>
        <a:ext cx="1971143" cy="1153965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vList5">
  <dgm:title val=""/>
  <dgm:desc val=""/>
  <dgm:catLst>
    <dgm:cat type="list" pri="15000"/>
    <dgm:cat type="convert" pri="2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>
          <dgm:param type="linDir" val="fromT"/>
          <dgm:param type="nodeHorzAlign" val="l"/>
        </dgm:alg>
      </dgm:if>
      <dgm:else name="Name3">
        <dgm:alg type="lin">
          <dgm:param type="linDir" val="fromT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h" for="ch" forName="linNode" refType="h"/>
      <dgm:constr type="w" for="ch" forName="linNode" refType="w"/>
      <dgm:constr type="h" for="ch" forName="sp" refType="h" fact="0.05"/>
      <dgm:constr type="primFontSz" for="des" forName="parentText" op="equ" val="65"/>
      <dgm:constr type="secFontSz" for="des" forName="descendantText" op="equ"/>
    </dgm:constrLst>
    <dgm:ruleLst/>
    <dgm:forEach name="Name4" axis="ch" ptType="node">
      <dgm:layoutNode name="linNode">
        <dgm:choose name="Name5">
          <dgm:if name="Name6" func="var" arg="dir" op="equ" val="norm">
            <dgm:alg type="lin">
              <dgm:param type="linDir" val="fromL"/>
            </dgm:alg>
          </dgm:if>
          <dgm:else name="Name7">
            <dgm:alg type="lin">
              <dgm:param type="linDir" val="fromR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forName="parentText" refType="w" fact="0.36"/>
          <dgm:constr type="w" for="ch" forName="descendantText" refType="w" fact="0.64"/>
          <dgm:constr type="h" for="ch" forName="parentText" refType="h"/>
          <dgm:constr type="h" for="ch" forName="descendantText" refType="h" refFor="ch" refForName="parentText" fact="0.8"/>
        </dgm:constrLst>
        <dgm:ruleLst/>
        <dgm:layoutNode name="parentText">
          <dgm:varLst>
            <dgm:chMax val="1"/>
            <dgm:bulletEnabled val="1"/>
          </dgm:varLst>
          <dgm:alg type="tx"/>
          <dgm:shape xmlns:r="http://schemas.openxmlformats.org/officeDocument/2006/relationships" type="roundRect" r:blip="" zOrderOff="3">
            <dgm:adjLst/>
          </dgm:shape>
          <dgm:presOf axis="self" ptType="node"/>
          <dgm:constrLst>
            <dgm:constr type="tMarg" refType="primFontSz" fact="0.15"/>
            <dgm:constr type="bMarg" refType="primFontSz" fact="0.15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8">
          <dgm:if name="Name9" axis="ch" ptType="node" func="cnt" op="gte" val="1">
            <dgm:layoutNode name="descendantText" styleLbl="alignAccFollowNode1">
              <dgm:varLst>
                <dgm:bulletEnabled val="1"/>
              </dgm:varLst>
              <dgm:alg type="tx">
                <dgm:param type="stBulletLvl" val="1"/>
                <dgm:param type="txAnchorVertCh" val="mid"/>
              </dgm:alg>
              <dgm:choose name="Name10">
                <dgm:if name="Name11" func="var" arg="dir" op="equ" val="norm">
                  <dgm:shape xmlns:r="http://schemas.openxmlformats.org/officeDocument/2006/relationships" rot="90" type="round2SameRect" r:blip="">
                    <dgm:adjLst/>
                  </dgm:shape>
                </dgm:if>
                <dgm:else name="Name12">
                  <dgm:shape xmlns:r="http://schemas.openxmlformats.org/officeDocument/2006/relationships" rot="-90" type="round2SameRect" r:blip="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lMarg" refType="secFontSz" fact="0.3"/>
                <dgm:constr type="rMarg" refType="secFontSz" fact="0.3"/>
                <dgm:constr type="tMarg" refType="secFontSz" fact="0.15"/>
                <dgm:constr type="bMarg" refType="secFontSz" fact="0.15"/>
              </dgm:constrLst>
              <dgm:ruleLst>
                <dgm:rule type="secFontSz" val="5" fact="NaN" max="NaN"/>
              </dgm:ruleLst>
            </dgm:layoutNode>
          </dgm:if>
          <dgm:else name="Name13"/>
        </dgm:choose>
      </dgm:layoutNode>
      <dgm:forEach name="Name14" axis="followSib" ptType="sibTrans" cnt="1">
        <dgm:layoutNode name="sp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10.xml><?xml version="1.0" encoding="utf-8"?>
<dgm:layoutDef xmlns:dgm="http://schemas.openxmlformats.org/drawingml/2006/diagram" xmlns:a="http://schemas.openxmlformats.org/drawingml/2006/main" uniqueId="urn:microsoft.com/office/officeart/2005/8/layout/chevron2">
  <dgm:title val=""/>
  <dgm:desc val=""/>
  <dgm:catLst>
    <dgm:cat type="process" pri="12000"/>
    <dgm:cat type="list" pri="16000"/>
    <dgm:cat type="convert" pri="11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</dgm:ptLst>
      <dgm:cxnLst>
        <dgm:cxn modelId="4" srcId="0" destId="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linearFlow">
    <dgm:varLst>
      <dgm:dir/>
      <dgm:animLvl val="lvl"/>
      <dgm:resizeHandles val="exact"/>
    </dgm:varLst>
    <dgm:alg type="lin">
      <dgm:param type="linDir" val="fromT"/>
      <dgm:param type="nodeHorzAlign" val="l"/>
    </dgm:alg>
    <dgm:shape xmlns:r="http://schemas.openxmlformats.org/officeDocument/2006/relationships" r:blip="">
      <dgm:adjLst/>
    </dgm:shape>
    <dgm:presOf/>
    <dgm:constrLst>
      <dgm:constr type="h" for="ch" forName="composite" refType="h"/>
      <dgm:constr type="w" for="ch" forName="composite" refType="w"/>
      <dgm:constr type="h" for="des" forName="parentText" op="equ"/>
      <dgm:constr type="h" for="ch" forName="sp" val="-14.88"/>
      <dgm:constr type="h" for="ch" forName="sp" refType="w" refFor="des" refForName="parentText" op="gte" fact="-0.3"/>
      <dgm:constr type="primFontSz" for="des" forName="parentText" op="equ" val="65"/>
      <dgm:constr type="primFontSz" for="des" forName="descendantText" op="equ" val="65"/>
    </dgm:constrLst>
    <dgm:ruleLst/>
    <dgm:forEach name="Name0" axis="ch" ptType="node">
      <dgm:layoutNode name="composite">
        <dgm:alg type="composite"/>
        <dgm:shape xmlns:r="http://schemas.openxmlformats.org/officeDocument/2006/relationships" r:blip="">
          <dgm:adjLst/>
        </dgm:shape>
        <dgm:presOf/>
        <dgm:choose name="Name1">
          <dgm:if name="Name2" func="var" arg="dir" op="equ" val="norm">
            <dgm:constrLst>
              <dgm:constr type="t" for="ch" forName="parentText"/>
              <dgm:constr type="l" for="ch" forName="parentText"/>
              <dgm:constr type="w" for="ch" forName="parentText" refType="w" fact="0.4"/>
              <dgm:constr type="h" for="ch" forName="parentText" refType="h"/>
              <dgm:constr type="w" for="ch" forName="parentText" refType="w" op="lte" fact="0.5"/>
              <dgm:constr type="w" for="ch" forName="parentText" refType="h" refFor="ch" refForName="parentText" op="lte" fact="0.7"/>
              <dgm:constr type="h" for="ch" forName="parentText" refType="w" refFor="ch" refForName="parentText" op="lte" fact="3"/>
              <dgm:constr type="l" for="ch" forName="descendantText" refType="w" refFor="ch" refForName="parentText"/>
              <dgm:constr type="w" for="ch" forName="descendantText" refType="w"/>
              <dgm:constr type="wOff" for="ch" forName="descendantText" refType="w" refFor="ch" refForName="parentText" fact="-1"/>
              <dgm:constr type="t" for="ch" forName="descendantText"/>
              <dgm:constr type="b" for="ch" forName="descendantText" refType="h" refFor="ch" refForName="parentText"/>
              <dgm:constr type="bOff" for="ch" forName="descendantText" refType="w" refFor="ch" refForName="parentText" fact="-0.5"/>
            </dgm:constrLst>
          </dgm:if>
          <dgm:else name="Name3">
            <dgm:constrLst>
              <dgm:constr type="t" for="ch" forName="parentText"/>
              <dgm:constr type="r" for="ch" forName="parentText" refType="w"/>
              <dgm:constr type="w" for="ch" forName="parentText" refType="w" fact="0.4"/>
              <dgm:constr type="h" for="ch" forName="parentText" refType="h"/>
              <dgm:constr type="w" for="ch" forName="parentText" refType="w" op="lte" fact="0.5"/>
              <dgm:constr type="w" for="ch" forName="parentText" refType="h" refFor="ch" refForName="parentText" op="lte" fact="0.7"/>
              <dgm:constr type="h" for="ch" forName="parentText" refType="w" refFor="ch" refForName="parentText" op="lte" fact="3"/>
              <dgm:constr type="l" for="ch" forName="descendantText"/>
              <dgm:constr type="w" for="ch" forName="descendantText" refType="w"/>
              <dgm:constr type="wOff" for="ch" forName="descendantText" refType="w" refFor="ch" refForName="parentText" fact="-1"/>
              <dgm:constr type="t" for="ch" forName="descendantText"/>
              <dgm:constr type="b" for="ch" forName="descendantText" refType="h" refFor="ch" refForName="parentText"/>
              <dgm:constr type="bOff" for="ch" forName="descendantText" refType="w" refFor="ch" refForName="parentText" fact="-0.5"/>
            </dgm:constrLst>
          </dgm:else>
        </dgm:choose>
        <dgm:ruleLst/>
        <dgm:layoutNode name="parentText" styleLbl="alignNode1">
          <dgm:varLst>
            <dgm:chMax val="1"/>
            <dgm:bulletEnabled val="1"/>
          </dgm:varLst>
          <dgm:alg type="tx"/>
          <dgm:shape xmlns:r="http://schemas.openxmlformats.org/officeDocument/2006/relationships" rot="90" type="chevron" r:blip="">
            <dgm:adjLst/>
          </dgm:shape>
          <dgm:presOf axis="self" ptType="node"/>
          <dgm:constrLst>
            <dgm:constr type="lMarg" refType="primFontSz" fact="0.05"/>
            <dgm:constr type="rMarg" refType="primFontSz" fact="0.05"/>
            <dgm:constr type="tMarg" refType="primFontSz" fact="0.05"/>
            <dgm:constr type="bMarg" refType="primFontSz" fact="0.05"/>
          </dgm:constrLst>
          <dgm:ruleLst>
            <dgm:rule type="h" val="100" fact="NaN" max="NaN"/>
            <dgm:rule type="primFontSz" val="24" fact="NaN" max="NaN"/>
            <dgm:rule type="h" val="110" fact="NaN" max="NaN"/>
            <dgm:rule type="primFontSz" val="18" fact="NaN" max="NaN"/>
            <dgm:rule type="h" val="INF" fact="NaN" max="NaN"/>
            <dgm:rule type="primFontSz" val="5" fact="NaN" max="NaN"/>
          </dgm:ruleLst>
        </dgm:layoutNode>
        <dgm:layoutNode name="descendantText" styleLbl="alignAcc1">
          <dgm:varLst>
            <dgm:bulletEnabled val="1"/>
          </dgm:varLst>
          <dgm:choose name="Name4">
            <dgm:if name="Name5" func="var" arg="dir" op="equ" val="norm">
              <dgm:alg type="tx">
                <dgm:param type="stBulletLvl" val="1"/>
                <dgm:param type="txAnchorVertCh" val="mid"/>
              </dgm:alg>
              <dgm:shape xmlns:r="http://schemas.openxmlformats.org/officeDocument/2006/relationships" rot="90" type="round2SameRect" r:blip="">
                <dgm:adjLst/>
              </dgm:shape>
            </dgm:if>
            <dgm:else name="Name6">
              <dgm:alg type="tx">
                <dgm:param type="stBulletLvl" val="1"/>
                <dgm:param type="txAnchorVertCh" val="mid"/>
              </dgm:alg>
              <dgm:shape xmlns:r="http://schemas.openxmlformats.org/officeDocument/2006/relationships" rot="-90" type="round2SameRect" r:blip="">
                <dgm:adjLst/>
              </dgm:shape>
            </dgm:else>
          </dgm:choose>
          <dgm:presOf axis="des" ptType="node"/>
          <dgm:choose name="Name7">
            <dgm:if name="Name8" func="var" arg="dir" op="equ" val="norm">
              <dgm:constrLst>
                <dgm:constr type="secFontSz" refType="primFontSz"/>
                <dgm:constr type="tMarg" refType="primFontSz" fact="0.05"/>
                <dgm:constr type="bMarg" refType="primFontSz" fact="0.05"/>
                <dgm:constr type="rMarg" refType="primFontSz" fact="0.05"/>
              </dgm:constrLst>
            </dgm:if>
            <dgm:else name="Name9">
              <dgm:constrLst>
                <dgm:constr type="secFontSz" refType="primFontSz"/>
                <dgm:constr type="tMarg" refType="primFontSz" fact="0.05"/>
                <dgm:constr type="bMarg" refType="primFontSz" fact="0.05"/>
                <dgm:constr type="lMarg" refType="primFontSz" fact="0.05"/>
              </dgm:constrLst>
            </dgm:else>
          </dgm:choose>
          <dgm:ruleLst>
            <dgm:rule type="primFontSz" val="5" fact="NaN" max="NaN"/>
          </dgm:ruleLst>
        </dgm:layoutNode>
      </dgm:layoutNode>
      <dgm:forEach name="Name10" axis="followSib" ptType="sibTrans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>
            <dgm:constr type="w" val="1"/>
            <dgm:constr type="h" val="37.5"/>
          </dgm:constrLst>
          <dgm:ruleLst/>
        </dgm:layoutNode>
      </dgm:forEach>
    </dgm:forEach>
  </dgm:layoutNode>
</dgm:layoutDef>
</file>

<file path=ppt/diagrams/layout11.xml><?xml version="1.0" encoding="utf-8"?>
<dgm:layoutDef xmlns:dgm="http://schemas.openxmlformats.org/drawingml/2006/diagram" xmlns:a="http://schemas.openxmlformats.org/drawingml/2006/main" uniqueId="urn:microsoft.com/office/officeart/2005/8/layout/process4">
  <dgm:title val=""/>
  <dgm:desc val=""/>
  <dgm:catLst>
    <dgm:cat type="process" pri="16000"/>
    <dgm:cat type="list" pri="2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alg type="lin">
      <dgm:param type="linDir" val="fromB"/>
    </dgm:alg>
    <dgm:shape xmlns:r="http://schemas.openxmlformats.org/officeDocument/2006/relationships" r:blip="">
      <dgm:adjLst/>
    </dgm:shape>
    <dgm:presOf/>
    <dgm:constrLst>
      <dgm:constr type="h" for="ch" forName="boxAndChildren" refType="h"/>
      <dgm:constr type="h" for="ch" forName="arrowAndChildren" refType="h" refFor="ch" refForName="boxAndChildren" op="equ" fact="1.538"/>
      <dgm:constr type="w" for="ch" forName="arrowAndChildren" refType="w"/>
      <dgm:constr type="w" for="ch" forName="boxAndChildren" refType="w"/>
      <dgm:constr type="h" for="ch" forName="sp" refType="h" fact="-0.015"/>
      <dgm:constr type="primFontSz" for="des" forName="parentTextBox" val="65"/>
      <dgm:constr type="primFontSz" for="des" forName="parentTextArrow" refType="primFontSz" refFor="des" refForName="parentTextBox" op="equ"/>
      <dgm:constr type="primFontSz" for="des" forName="childTextArrow" val="65"/>
      <dgm:constr type="primFontSz" for="des" forName="childTextBox" refType="primFontSz" refFor="des" refForName="childTextArrow" op="equ"/>
    </dgm:constrLst>
    <dgm:ruleLst/>
    <dgm:forEach name="Name1" axis="ch" ptType="node" st="-1" step="-1">
      <dgm:choose name="Name2">
        <dgm:if name="Name3" axis="self" ptType="node" func="revPos" op="equ" val="1">
          <dgm:layoutNode name="boxAndChildren">
            <dgm:alg type="composite"/>
            <dgm:shape xmlns:r="http://schemas.openxmlformats.org/officeDocument/2006/relationships" r:blip="">
              <dgm:adjLst/>
            </dgm:shape>
            <dgm:presOf/>
            <dgm:choose name="Name4">
              <dgm:if name="Name5" axis="ch" ptType="node" func="cnt" op="gte" val="1">
                <dgm:constrLst>
                  <dgm:constr type="w" for="ch" forName="parentTextBox" refType="w"/>
                  <dgm:constr type="h" for="ch" forName="parentTextBox" refType="h" fact="0.54"/>
                  <dgm:constr type="t" for="ch" forName="parentTextBox"/>
                  <dgm:constr type="w" for="ch" forName="entireBox" refType="w"/>
                  <dgm:constr type="h" for="ch" forName="entireBox" refType="h"/>
                  <dgm:constr type="w" for="ch" forName="descendantBox" refType="w"/>
                  <dgm:constr type="b" for="ch" forName="descendantBox" refType="h" fact="0.98"/>
                  <dgm:constr type="h" for="ch" forName="descendantBox" refType="h" fact="0.46"/>
                </dgm:constrLst>
              </dgm:if>
              <dgm:else name="Name6">
                <dgm:constrLst>
                  <dgm:constr type="w" for="ch" forName="parentTextBox" refType="w"/>
                  <dgm:constr type="h" for="ch" forName="parentTextBox" refType="h"/>
                </dgm:constrLst>
              </dgm:else>
            </dgm:choose>
            <dgm:ruleLst/>
            <dgm:layoutNode name="parentTextBox">
              <dgm:alg type="tx"/>
              <dgm:choose name="Name7">
                <dgm:if name="Name8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9">
                  <dgm:shape xmlns:r="http://schemas.openxmlformats.org/officeDocument/2006/relationships" type="rec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10">
              <dgm:if name="Name11" axis="ch" ptType="node" func="cnt" op="gte" val="1">
                <dgm:layoutNode name="entireBox">
                  <dgm:alg type="sp"/>
                  <dgm:shape xmlns:r="http://schemas.openxmlformats.org/officeDocument/2006/relationships" type="rect" r:blip="">
                    <dgm:adjLst/>
                  </dgm:shape>
                  <dgm:presOf axis="self"/>
                  <dgm:constrLst/>
                  <dgm:ruleLst/>
                </dgm:layoutNode>
                <dgm:layoutNode name="descendantBox" styleLbl="fgAccFollowNode1">
                  <dgm:choose name="Name12">
                    <dgm:if name="Name13" func="var" arg="dir" op="equ" val="norm">
                      <dgm:alg type="lin"/>
                    </dgm:if>
                    <dgm:else name="Name14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Box" refType="w"/>
                    <dgm:constr type="h" for="ch" forName="childTextBox" refType="h"/>
                  </dgm:constrLst>
                  <dgm:ruleLst/>
                  <dgm:forEach name="Name15" axis="ch" ptType="node">
                    <dgm:layoutNode name="childTextBox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16"/>
            </dgm:choose>
          </dgm:layoutNode>
        </dgm:if>
        <dgm:else name="Name17">
          <dgm:layoutNode name="arrowAndChildren">
            <dgm:alg type="composite"/>
            <dgm:shape xmlns:r="http://schemas.openxmlformats.org/officeDocument/2006/relationships" r:blip="">
              <dgm:adjLst/>
            </dgm:shape>
            <dgm:presOf/>
            <dgm:choose name="Name18">
              <dgm:if name="Name19" axis="ch" ptType="node" func="cnt" op="gte" val="1">
                <dgm:constrLst>
                  <dgm:constr type="w" for="ch" forName="parentTextArrow" refType="w"/>
                  <dgm:constr type="t" for="ch" forName="parentTextArrow"/>
                  <dgm:constr type="h" for="ch" forName="parentTextArrow" refType="h" fact="0.351"/>
                  <dgm:constr type="w" for="ch" forName="arrow" refType="w"/>
                  <dgm:constr type="h" for="ch" forName="arrow" refType="h"/>
                  <dgm:constr type="w" for="ch" forName="descendantArrow" refType="w"/>
                  <dgm:constr type="b" for="ch" forName="descendantArrow" refType="h" fact="0.65"/>
                  <dgm:constr type="h" for="ch" forName="descendantArrow" refType="h" fact="0.299"/>
                </dgm:constrLst>
              </dgm:if>
              <dgm:else name="Name20">
                <dgm:constrLst>
                  <dgm:constr type="w" for="ch" forName="parentTextArrow" refType="w"/>
                  <dgm:constr type="h" for="ch" forName="parentTextArrow" refType="h"/>
                </dgm:constrLst>
              </dgm:else>
            </dgm:choose>
            <dgm:ruleLst/>
            <dgm:layoutNode name="parentTextArrow">
              <dgm:alg type="tx"/>
              <dgm:choose name="Name21">
                <dgm:if name="Name22" axis="ch" ptType="node" func="cnt" op="gte" val="1">
                  <dgm:shape xmlns:r="http://schemas.openxmlformats.org/officeDocument/2006/relationships" type="rect" r:blip="" zOrderOff="1" hideGeom="1">
                    <dgm:adjLst/>
                  </dgm:shape>
                </dgm:if>
                <dgm:else name="Name23">
                  <dgm:shape xmlns:r="http://schemas.openxmlformats.org/officeDocument/2006/relationships" rot="180" type="upArrowCallout" r:blip="">
                    <dgm:adjLst/>
                  </dgm:shape>
                </dgm:else>
              </dgm:choose>
              <dgm:presOf axis="self"/>
              <dgm:constrLst/>
              <dgm:ruleLst>
                <dgm:rule type="primFontSz" val="5" fact="NaN" max="NaN"/>
              </dgm:ruleLst>
            </dgm:layoutNode>
            <dgm:choose name="Name24">
              <dgm:if name="Name25" axis="ch" ptType="node" func="cnt" op="gte" val="1">
                <dgm:layoutNode name="arrow">
                  <dgm:alg type="sp"/>
                  <dgm:shape xmlns:r="http://schemas.openxmlformats.org/officeDocument/2006/relationships" rot="180" type="upArrowCallout" r:blip="">
                    <dgm:adjLst/>
                  </dgm:shape>
                  <dgm:presOf axis="self"/>
                  <dgm:constrLst/>
                  <dgm:ruleLst/>
                </dgm:layoutNode>
                <dgm:layoutNode name="descendantArrow">
                  <dgm:choose name="Name26">
                    <dgm:if name="Name27" func="var" arg="dir" op="equ" val="norm">
                      <dgm:alg type="lin"/>
                    </dgm:if>
                    <dgm:else name="Name28">
                      <dgm:alg type="lin">
                        <dgm:param type="linDir" val="fromR"/>
                      </dgm:alg>
                    </dgm:else>
                  </dgm:choose>
                  <dgm:shape xmlns:r="http://schemas.openxmlformats.org/officeDocument/2006/relationships" r:blip="">
                    <dgm:adjLst/>
                  </dgm:shape>
                  <dgm:presOf/>
                  <dgm:constrLst>
                    <dgm:constr type="w" for="ch" forName="childTextArrow" refType="w"/>
                    <dgm:constr type="h" for="ch" forName="childTextArrow" refType="h"/>
                  </dgm:constrLst>
                  <dgm:ruleLst/>
                  <dgm:forEach name="Name29" axis="ch" ptType="node">
                    <dgm:layoutNode name="childTextArrow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rect" r:blip="">
                        <dgm:adjLst/>
                      </dgm:shape>
                      <dgm:presOf axis="desOrSelf" ptType="node"/>
                      <dgm:constrLst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</dgm:forEach>
                </dgm:layoutNode>
              </dgm:if>
              <dgm:else name="Name30"/>
            </dgm:choose>
          </dgm:layoutNode>
        </dgm:else>
      </dgm:choose>
      <dgm:forEach name="Name31" axis="precedSib" ptType="sibTrans" st="-1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vList5">
  <dgm:title val=""/>
  <dgm:desc val=""/>
  <dgm:catLst>
    <dgm:cat type="list" pri="15000"/>
    <dgm:cat type="convert" pri="2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>
          <dgm:param type="linDir" val="fromT"/>
          <dgm:param type="nodeHorzAlign" val="l"/>
        </dgm:alg>
      </dgm:if>
      <dgm:else name="Name3">
        <dgm:alg type="lin">
          <dgm:param type="linDir" val="fromT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h" for="ch" forName="linNode" refType="h"/>
      <dgm:constr type="w" for="ch" forName="linNode" refType="w"/>
      <dgm:constr type="h" for="ch" forName="sp" refType="h" fact="0.05"/>
      <dgm:constr type="primFontSz" for="des" forName="parentText" op="equ" val="65"/>
      <dgm:constr type="secFontSz" for="des" forName="descendantText" op="equ"/>
    </dgm:constrLst>
    <dgm:ruleLst/>
    <dgm:forEach name="Name4" axis="ch" ptType="node">
      <dgm:layoutNode name="linNode">
        <dgm:choose name="Name5">
          <dgm:if name="Name6" func="var" arg="dir" op="equ" val="norm">
            <dgm:alg type="lin">
              <dgm:param type="linDir" val="fromL"/>
            </dgm:alg>
          </dgm:if>
          <dgm:else name="Name7">
            <dgm:alg type="lin">
              <dgm:param type="linDir" val="fromR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forName="parentText" refType="w" fact="0.36"/>
          <dgm:constr type="w" for="ch" forName="descendantText" refType="w" fact="0.64"/>
          <dgm:constr type="h" for="ch" forName="parentText" refType="h"/>
          <dgm:constr type="h" for="ch" forName="descendantText" refType="h" refFor="ch" refForName="parentText" fact="0.8"/>
        </dgm:constrLst>
        <dgm:ruleLst/>
        <dgm:layoutNode name="parentText">
          <dgm:varLst>
            <dgm:chMax val="1"/>
            <dgm:bulletEnabled val="1"/>
          </dgm:varLst>
          <dgm:alg type="tx"/>
          <dgm:shape xmlns:r="http://schemas.openxmlformats.org/officeDocument/2006/relationships" type="roundRect" r:blip="" zOrderOff="3">
            <dgm:adjLst/>
          </dgm:shape>
          <dgm:presOf axis="self" ptType="node"/>
          <dgm:constrLst>
            <dgm:constr type="tMarg" refType="primFontSz" fact="0.15"/>
            <dgm:constr type="bMarg" refType="primFontSz" fact="0.15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8">
          <dgm:if name="Name9" axis="ch" ptType="node" func="cnt" op="gte" val="1">
            <dgm:layoutNode name="descendantText" styleLbl="alignAccFollowNode1">
              <dgm:varLst>
                <dgm:bulletEnabled val="1"/>
              </dgm:varLst>
              <dgm:alg type="tx">
                <dgm:param type="stBulletLvl" val="1"/>
                <dgm:param type="txAnchorVertCh" val="mid"/>
              </dgm:alg>
              <dgm:choose name="Name10">
                <dgm:if name="Name11" func="var" arg="dir" op="equ" val="norm">
                  <dgm:shape xmlns:r="http://schemas.openxmlformats.org/officeDocument/2006/relationships" rot="90" type="round2SameRect" r:blip="">
                    <dgm:adjLst/>
                  </dgm:shape>
                </dgm:if>
                <dgm:else name="Name12">
                  <dgm:shape xmlns:r="http://schemas.openxmlformats.org/officeDocument/2006/relationships" rot="-90" type="round2SameRect" r:blip="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lMarg" refType="secFontSz" fact="0.3"/>
                <dgm:constr type="rMarg" refType="secFontSz" fact="0.3"/>
                <dgm:constr type="tMarg" refType="secFontSz" fact="0.15"/>
                <dgm:constr type="bMarg" refType="secFontSz" fact="0.15"/>
              </dgm:constrLst>
              <dgm:ruleLst>
                <dgm:rule type="secFontSz" val="5" fact="NaN" max="NaN"/>
              </dgm:ruleLst>
            </dgm:layoutNode>
          </dgm:if>
          <dgm:else name="Name13"/>
        </dgm:choose>
      </dgm:layoutNode>
      <dgm:forEach name="Name14" axis="followSib" ptType="sibTrans" cnt="1">
        <dgm:layoutNode name="sp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vList5">
  <dgm:title val=""/>
  <dgm:desc val=""/>
  <dgm:catLst>
    <dgm:cat type="list" pri="15000"/>
    <dgm:cat type="convert" pri="2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>
          <dgm:param type="linDir" val="fromT"/>
          <dgm:param type="nodeHorzAlign" val="l"/>
        </dgm:alg>
      </dgm:if>
      <dgm:else name="Name3">
        <dgm:alg type="lin">
          <dgm:param type="linDir" val="fromT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h" for="ch" forName="linNode" refType="h"/>
      <dgm:constr type="w" for="ch" forName="linNode" refType="w"/>
      <dgm:constr type="h" for="ch" forName="sp" refType="h" fact="0.05"/>
      <dgm:constr type="primFontSz" for="des" forName="parentText" op="equ" val="65"/>
      <dgm:constr type="secFontSz" for="des" forName="descendantText" op="equ"/>
    </dgm:constrLst>
    <dgm:ruleLst/>
    <dgm:forEach name="Name4" axis="ch" ptType="node">
      <dgm:layoutNode name="linNode">
        <dgm:choose name="Name5">
          <dgm:if name="Name6" func="var" arg="dir" op="equ" val="norm">
            <dgm:alg type="lin">
              <dgm:param type="linDir" val="fromL"/>
            </dgm:alg>
          </dgm:if>
          <dgm:else name="Name7">
            <dgm:alg type="lin">
              <dgm:param type="linDir" val="fromR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forName="parentText" refType="w" fact="0.36"/>
          <dgm:constr type="w" for="ch" forName="descendantText" refType="w" fact="0.64"/>
          <dgm:constr type="h" for="ch" forName="parentText" refType="h"/>
          <dgm:constr type="h" for="ch" forName="descendantText" refType="h" refFor="ch" refForName="parentText" fact="0.8"/>
        </dgm:constrLst>
        <dgm:ruleLst/>
        <dgm:layoutNode name="parentText">
          <dgm:varLst>
            <dgm:chMax val="1"/>
            <dgm:bulletEnabled val="1"/>
          </dgm:varLst>
          <dgm:alg type="tx"/>
          <dgm:shape xmlns:r="http://schemas.openxmlformats.org/officeDocument/2006/relationships" type="roundRect" r:blip="" zOrderOff="3">
            <dgm:adjLst/>
          </dgm:shape>
          <dgm:presOf axis="self" ptType="node"/>
          <dgm:constrLst>
            <dgm:constr type="tMarg" refType="primFontSz" fact="0.15"/>
            <dgm:constr type="bMarg" refType="primFontSz" fact="0.15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8">
          <dgm:if name="Name9" axis="ch" ptType="node" func="cnt" op="gte" val="1">
            <dgm:layoutNode name="descendantText" styleLbl="alignAccFollowNode1">
              <dgm:varLst>
                <dgm:bulletEnabled val="1"/>
              </dgm:varLst>
              <dgm:alg type="tx">
                <dgm:param type="stBulletLvl" val="1"/>
                <dgm:param type="txAnchorVertCh" val="mid"/>
              </dgm:alg>
              <dgm:choose name="Name10">
                <dgm:if name="Name11" func="var" arg="dir" op="equ" val="norm">
                  <dgm:shape xmlns:r="http://schemas.openxmlformats.org/officeDocument/2006/relationships" rot="90" type="round2SameRect" r:blip="">
                    <dgm:adjLst/>
                  </dgm:shape>
                </dgm:if>
                <dgm:else name="Name12">
                  <dgm:shape xmlns:r="http://schemas.openxmlformats.org/officeDocument/2006/relationships" rot="-90" type="round2SameRect" r:blip="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lMarg" refType="secFontSz" fact="0.3"/>
                <dgm:constr type="rMarg" refType="secFontSz" fact="0.3"/>
                <dgm:constr type="tMarg" refType="secFontSz" fact="0.15"/>
                <dgm:constr type="bMarg" refType="secFontSz" fact="0.15"/>
              </dgm:constrLst>
              <dgm:ruleLst>
                <dgm:rule type="secFontSz" val="5" fact="NaN" max="NaN"/>
              </dgm:ruleLst>
            </dgm:layoutNode>
          </dgm:if>
          <dgm:else name="Name13"/>
        </dgm:choose>
      </dgm:layoutNode>
      <dgm:forEach name="Name14" axis="followSib" ptType="sibTrans" cnt="1">
        <dgm:layoutNode name="sp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vList5">
  <dgm:title val=""/>
  <dgm:desc val=""/>
  <dgm:catLst>
    <dgm:cat type="list" pri="15000"/>
    <dgm:cat type="convert" pri="2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>
          <dgm:param type="linDir" val="fromT"/>
          <dgm:param type="nodeHorzAlign" val="l"/>
        </dgm:alg>
      </dgm:if>
      <dgm:else name="Name3">
        <dgm:alg type="lin">
          <dgm:param type="linDir" val="fromT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h" for="ch" forName="linNode" refType="h"/>
      <dgm:constr type="w" for="ch" forName="linNode" refType="w"/>
      <dgm:constr type="h" for="ch" forName="sp" refType="h" fact="0.05"/>
      <dgm:constr type="primFontSz" for="des" forName="parentText" op="equ" val="65"/>
      <dgm:constr type="secFontSz" for="des" forName="descendantText" op="equ"/>
    </dgm:constrLst>
    <dgm:ruleLst/>
    <dgm:forEach name="Name4" axis="ch" ptType="node">
      <dgm:layoutNode name="linNode">
        <dgm:choose name="Name5">
          <dgm:if name="Name6" func="var" arg="dir" op="equ" val="norm">
            <dgm:alg type="lin">
              <dgm:param type="linDir" val="fromL"/>
            </dgm:alg>
          </dgm:if>
          <dgm:else name="Name7">
            <dgm:alg type="lin">
              <dgm:param type="linDir" val="fromR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forName="parentText" refType="w" fact="0.36"/>
          <dgm:constr type="w" for="ch" forName="descendantText" refType="w" fact="0.64"/>
          <dgm:constr type="h" for="ch" forName="parentText" refType="h"/>
          <dgm:constr type="h" for="ch" forName="descendantText" refType="h" refFor="ch" refForName="parentText" fact="0.8"/>
        </dgm:constrLst>
        <dgm:ruleLst/>
        <dgm:layoutNode name="parentText">
          <dgm:varLst>
            <dgm:chMax val="1"/>
            <dgm:bulletEnabled val="1"/>
          </dgm:varLst>
          <dgm:alg type="tx"/>
          <dgm:shape xmlns:r="http://schemas.openxmlformats.org/officeDocument/2006/relationships" type="roundRect" r:blip="" zOrderOff="3">
            <dgm:adjLst/>
          </dgm:shape>
          <dgm:presOf axis="self" ptType="node"/>
          <dgm:constrLst>
            <dgm:constr type="tMarg" refType="primFontSz" fact="0.15"/>
            <dgm:constr type="bMarg" refType="primFontSz" fact="0.15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8">
          <dgm:if name="Name9" axis="ch" ptType="node" func="cnt" op="gte" val="1">
            <dgm:layoutNode name="descendantText" styleLbl="alignAccFollowNode1">
              <dgm:varLst>
                <dgm:bulletEnabled val="1"/>
              </dgm:varLst>
              <dgm:alg type="tx">
                <dgm:param type="stBulletLvl" val="1"/>
                <dgm:param type="txAnchorVertCh" val="mid"/>
              </dgm:alg>
              <dgm:choose name="Name10">
                <dgm:if name="Name11" func="var" arg="dir" op="equ" val="norm">
                  <dgm:shape xmlns:r="http://schemas.openxmlformats.org/officeDocument/2006/relationships" rot="90" type="round2SameRect" r:blip="">
                    <dgm:adjLst/>
                  </dgm:shape>
                </dgm:if>
                <dgm:else name="Name12">
                  <dgm:shape xmlns:r="http://schemas.openxmlformats.org/officeDocument/2006/relationships" rot="-90" type="round2SameRect" r:blip="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lMarg" refType="secFontSz" fact="0.3"/>
                <dgm:constr type="rMarg" refType="secFontSz" fact="0.3"/>
                <dgm:constr type="tMarg" refType="secFontSz" fact="0.15"/>
                <dgm:constr type="bMarg" refType="secFontSz" fact="0.15"/>
              </dgm:constrLst>
              <dgm:ruleLst>
                <dgm:rule type="secFontSz" val="5" fact="NaN" max="NaN"/>
              </dgm:ruleLst>
            </dgm:layoutNode>
          </dgm:if>
          <dgm:else name="Name13"/>
        </dgm:choose>
      </dgm:layoutNode>
      <dgm:forEach name="Name14" axis="followSib" ptType="sibTrans" cnt="1">
        <dgm:layoutNode name="sp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5/8/layout/vList5">
  <dgm:title val=""/>
  <dgm:desc val=""/>
  <dgm:catLst>
    <dgm:cat type="list" pri="15000"/>
    <dgm:cat type="convert" pri="2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>
          <dgm:param type="linDir" val="fromT"/>
          <dgm:param type="nodeHorzAlign" val="l"/>
        </dgm:alg>
      </dgm:if>
      <dgm:else name="Name3">
        <dgm:alg type="lin">
          <dgm:param type="linDir" val="fromT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h" for="ch" forName="linNode" refType="h"/>
      <dgm:constr type="w" for="ch" forName="linNode" refType="w"/>
      <dgm:constr type="h" for="ch" forName="sp" refType="h" fact="0.05"/>
      <dgm:constr type="primFontSz" for="des" forName="parentText" op="equ" val="65"/>
      <dgm:constr type="secFontSz" for="des" forName="descendantText" op="equ"/>
    </dgm:constrLst>
    <dgm:ruleLst/>
    <dgm:forEach name="Name4" axis="ch" ptType="node">
      <dgm:layoutNode name="linNode">
        <dgm:choose name="Name5">
          <dgm:if name="Name6" func="var" arg="dir" op="equ" val="norm">
            <dgm:alg type="lin">
              <dgm:param type="linDir" val="fromL"/>
            </dgm:alg>
          </dgm:if>
          <dgm:else name="Name7">
            <dgm:alg type="lin">
              <dgm:param type="linDir" val="fromR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forName="parentText" refType="w" fact="0.36"/>
          <dgm:constr type="w" for="ch" forName="descendantText" refType="w" fact="0.64"/>
          <dgm:constr type="h" for="ch" forName="parentText" refType="h"/>
          <dgm:constr type="h" for="ch" forName="descendantText" refType="h" refFor="ch" refForName="parentText" fact="0.8"/>
        </dgm:constrLst>
        <dgm:ruleLst/>
        <dgm:layoutNode name="parentText">
          <dgm:varLst>
            <dgm:chMax val="1"/>
            <dgm:bulletEnabled val="1"/>
          </dgm:varLst>
          <dgm:alg type="tx"/>
          <dgm:shape xmlns:r="http://schemas.openxmlformats.org/officeDocument/2006/relationships" type="roundRect" r:blip="" zOrderOff="3">
            <dgm:adjLst/>
          </dgm:shape>
          <dgm:presOf axis="self" ptType="node"/>
          <dgm:constrLst>
            <dgm:constr type="tMarg" refType="primFontSz" fact="0.15"/>
            <dgm:constr type="bMarg" refType="primFontSz" fact="0.15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8">
          <dgm:if name="Name9" axis="ch" ptType="node" func="cnt" op="gte" val="1">
            <dgm:layoutNode name="descendantText" styleLbl="alignAccFollowNode1">
              <dgm:varLst>
                <dgm:bulletEnabled val="1"/>
              </dgm:varLst>
              <dgm:alg type="tx">
                <dgm:param type="stBulletLvl" val="1"/>
                <dgm:param type="txAnchorVertCh" val="mid"/>
              </dgm:alg>
              <dgm:choose name="Name10">
                <dgm:if name="Name11" func="var" arg="dir" op="equ" val="norm">
                  <dgm:shape xmlns:r="http://schemas.openxmlformats.org/officeDocument/2006/relationships" rot="90" type="round2SameRect" r:blip="">
                    <dgm:adjLst/>
                  </dgm:shape>
                </dgm:if>
                <dgm:else name="Name12">
                  <dgm:shape xmlns:r="http://schemas.openxmlformats.org/officeDocument/2006/relationships" rot="-90" type="round2SameRect" r:blip="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lMarg" refType="secFontSz" fact="0.3"/>
                <dgm:constr type="rMarg" refType="secFontSz" fact="0.3"/>
                <dgm:constr type="tMarg" refType="secFontSz" fact="0.15"/>
                <dgm:constr type="bMarg" refType="secFontSz" fact="0.15"/>
              </dgm:constrLst>
              <dgm:ruleLst>
                <dgm:rule type="secFontSz" val="5" fact="NaN" max="NaN"/>
              </dgm:ruleLst>
            </dgm:layoutNode>
          </dgm:if>
          <dgm:else name="Name13"/>
        </dgm:choose>
      </dgm:layoutNode>
      <dgm:forEach name="Name14" axis="followSib" ptType="sibTrans" cnt="1">
        <dgm:layoutNode name="sp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6.xml><?xml version="1.0" encoding="utf-8"?>
<dgm:layoutDef xmlns:dgm="http://schemas.openxmlformats.org/drawingml/2006/diagram" xmlns:a="http://schemas.openxmlformats.org/drawingml/2006/main" uniqueId="urn:microsoft.com/office/officeart/2005/8/layout/vList5">
  <dgm:title val=""/>
  <dgm:desc val=""/>
  <dgm:catLst>
    <dgm:cat type="list" pri="15000"/>
    <dgm:cat type="convert" pri="2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>
          <dgm:param type="linDir" val="fromT"/>
          <dgm:param type="nodeHorzAlign" val="l"/>
        </dgm:alg>
      </dgm:if>
      <dgm:else name="Name3">
        <dgm:alg type="lin">
          <dgm:param type="linDir" val="fromT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h" for="ch" forName="linNode" refType="h"/>
      <dgm:constr type="w" for="ch" forName="linNode" refType="w"/>
      <dgm:constr type="h" for="ch" forName="sp" refType="h" fact="0.05"/>
      <dgm:constr type="primFontSz" for="des" forName="parentText" op="equ" val="65"/>
      <dgm:constr type="secFontSz" for="des" forName="descendantText" op="equ"/>
    </dgm:constrLst>
    <dgm:ruleLst/>
    <dgm:forEach name="Name4" axis="ch" ptType="node">
      <dgm:layoutNode name="linNode">
        <dgm:choose name="Name5">
          <dgm:if name="Name6" func="var" arg="dir" op="equ" val="norm">
            <dgm:alg type="lin">
              <dgm:param type="linDir" val="fromL"/>
            </dgm:alg>
          </dgm:if>
          <dgm:else name="Name7">
            <dgm:alg type="lin">
              <dgm:param type="linDir" val="fromR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forName="parentText" refType="w" fact="0.36"/>
          <dgm:constr type="w" for="ch" forName="descendantText" refType="w" fact="0.64"/>
          <dgm:constr type="h" for="ch" forName="parentText" refType="h"/>
          <dgm:constr type="h" for="ch" forName="descendantText" refType="h" refFor="ch" refForName="parentText" fact="0.8"/>
        </dgm:constrLst>
        <dgm:ruleLst/>
        <dgm:layoutNode name="parentText">
          <dgm:varLst>
            <dgm:chMax val="1"/>
            <dgm:bulletEnabled val="1"/>
          </dgm:varLst>
          <dgm:alg type="tx"/>
          <dgm:shape xmlns:r="http://schemas.openxmlformats.org/officeDocument/2006/relationships" type="roundRect" r:blip="" zOrderOff="3">
            <dgm:adjLst/>
          </dgm:shape>
          <dgm:presOf axis="self" ptType="node"/>
          <dgm:constrLst>
            <dgm:constr type="tMarg" refType="primFontSz" fact="0.15"/>
            <dgm:constr type="bMarg" refType="primFontSz" fact="0.15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8">
          <dgm:if name="Name9" axis="ch" ptType="node" func="cnt" op="gte" val="1">
            <dgm:layoutNode name="descendantText" styleLbl="alignAccFollowNode1">
              <dgm:varLst>
                <dgm:bulletEnabled val="1"/>
              </dgm:varLst>
              <dgm:alg type="tx">
                <dgm:param type="stBulletLvl" val="1"/>
                <dgm:param type="txAnchorVertCh" val="mid"/>
              </dgm:alg>
              <dgm:choose name="Name10">
                <dgm:if name="Name11" func="var" arg="dir" op="equ" val="norm">
                  <dgm:shape xmlns:r="http://schemas.openxmlformats.org/officeDocument/2006/relationships" rot="90" type="round2SameRect" r:blip="">
                    <dgm:adjLst/>
                  </dgm:shape>
                </dgm:if>
                <dgm:else name="Name12">
                  <dgm:shape xmlns:r="http://schemas.openxmlformats.org/officeDocument/2006/relationships" rot="-90" type="round2SameRect" r:blip="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lMarg" refType="secFontSz" fact="0.3"/>
                <dgm:constr type="rMarg" refType="secFontSz" fact="0.3"/>
                <dgm:constr type="tMarg" refType="secFontSz" fact="0.15"/>
                <dgm:constr type="bMarg" refType="secFontSz" fact="0.15"/>
              </dgm:constrLst>
              <dgm:ruleLst>
                <dgm:rule type="secFontSz" val="5" fact="NaN" max="NaN"/>
              </dgm:ruleLst>
            </dgm:layoutNode>
          </dgm:if>
          <dgm:else name="Name13"/>
        </dgm:choose>
      </dgm:layoutNode>
      <dgm:forEach name="Name14" axis="followSib" ptType="sibTrans" cnt="1">
        <dgm:layoutNode name="sp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7.xml><?xml version="1.0" encoding="utf-8"?>
<dgm:layoutDef xmlns:dgm="http://schemas.openxmlformats.org/drawingml/2006/diagram" xmlns:a="http://schemas.openxmlformats.org/drawingml/2006/main" uniqueId="urn:microsoft.com/office/officeart/2005/8/layout/chevron2">
  <dgm:title val=""/>
  <dgm:desc val=""/>
  <dgm:catLst>
    <dgm:cat type="process" pri="12000"/>
    <dgm:cat type="list" pri="16000"/>
    <dgm:cat type="convert" pri="11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</dgm:ptLst>
      <dgm:cxnLst>
        <dgm:cxn modelId="4" srcId="0" destId="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linearFlow">
    <dgm:varLst>
      <dgm:dir/>
      <dgm:animLvl val="lvl"/>
      <dgm:resizeHandles val="exact"/>
    </dgm:varLst>
    <dgm:alg type="lin">
      <dgm:param type="linDir" val="fromT"/>
      <dgm:param type="nodeHorzAlign" val="l"/>
    </dgm:alg>
    <dgm:shape xmlns:r="http://schemas.openxmlformats.org/officeDocument/2006/relationships" r:blip="">
      <dgm:adjLst/>
    </dgm:shape>
    <dgm:presOf/>
    <dgm:constrLst>
      <dgm:constr type="h" for="ch" forName="composite" refType="h"/>
      <dgm:constr type="w" for="ch" forName="composite" refType="w"/>
      <dgm:constr type="h" for="des" forName="parentText" op="equ"/>
      <dgm:constr type="h" for="ch" forName="sp" val="-14.88"/>
      <dgm:constr type="h" for="ch" forName="sp" refType="w" refFor="des" refForName="parentText" op="gte" fact="-0.3"/>
      <dgm:constr type="primFontSz" for="des" forName="parentText" op="equ" val="65"/>
      <dgm:constr type="primFontSz" for="des" forName="descendantText" op="equ" val="65"/>
    </dgm:constrLst>
    <dgm:ruleLst/>
    <dgm:forEach name="Name0" axis="ch" ptType="node">
      <dgm:layoutNode name="composite">
        <dgm:alg type="composite"/>
        <dgm:shape xmlns:r="http://schemas.openxmlformats.org/officeDocument/2006/relationships" r:blip="">
          <dgm:adjLst/>
        </dgm:shape>
        <dgm:presOf/>
        <dgm:choose name="Name1">
          <dgm:if name="Name2" func="var" arg="dir" op="equ" val="norm">
            <dgm:constrLst>
              <dgm:constr type="t" for="ch" forName="parentText"/>
              <dgm:constr type="l" for="ch" forName="parentText"/>
              <dgm:constr type="w" for="ch" forName="parentText" refType="w" fact="0.4"/>
              <dgm:constr type="h" for="ch" forName="parentText" refType="h"/>
              <dgm:constr type="w" for="ch" forName="parentText" refType="w" op="lte" fact="0.5"/>
              <dgm:constr type="w" for="ch" forName="parentText" refType="h" refFor="ch" refForName="parentText" op="lte" fact="0.7"/>
              <dgm:constr type="h" for="ch" forName="parentText" refType="w" refFor="ch" refForName="parentText" op="lte" fact="3"/>
              <dgm:constr type="l" for="ch" forName="descendantText" refType="w" refFor="ch" refForName="parentText"/>
              <dgm:constr type="w" for="ch" forName="descendantText" refType="w"/>
              <dgm:constr type="wOff" for="ch" forName="descendantText" refType="w" refFor="ch" refForName="parentText" fact="-1"/>
              <dgm:constr type="t" for="ch" forName="descendantText"/>
              <dgm:constr type="b" for="ch" forName="descendantText" refType="h" refFor="ch" refForName="parentText"/>
              <dgm:constr type="bOff" for="ch" forName="descendantText" refType="w" refFor="ch" refForName="parentText" fact="-0.5"/>
            </dgm:constrLst>
          </dgm:if>
          <dgm:else name="Name3">
            <dgm:constrLst>
              <dgm:constr type="t" for="ch" forName="parentText"/>
              <dgm:constr type="r" for="ch" forName="parentText" refType="w"/>
              <dgm:constr type="w" for="ch" forName="parentText" refType="w" fact="0.4"/>
              <dgm:constr type="h" for="ch" forName="parentText" refType="h"/>
              <dgm:constr type="w" for="ch" forName="parentText" refType="w" op="lte" fact="0.5"/>
              <dgm:constr type="w" for="ch" forName="parentText" refType="h" refFor="ch" refForName="parentText" op="lte" fact="0.7"/>
              <dgm:constr type="h" for="ch" forName="parentText" refType="w" refFor="ch" refForName="parentText" op="lte" fact="3"/>
              <dgm:constr type="l" for="ch" forName="descendantText"/>
              <dgm:constr type="w" for="ch" forName="descendantText" refType="w"/>
              <dgm:constr type="wOff" for="ch" forName="descendantText" refType="w" refFor="ch" refForName="parentText" fact="-1"/>
              <dgm:constr type="t" for="ch" forName="descendantText"/>
              <dgm:constr type="b" for="ch" forName="descendantText" refType="h" refFor="ch" refForName="parentText"/>
              <dgm:constr type="bOff" for="ch" forName="descendantText" refType="w" refFor="ch" refForName="parentText" fact="-0.5"/>
            </dgm:constrLst>
          </dgm:else>
        </dgm:choose>
        <dgm:ruleLst/>
        <dgm:layoutNode name="parentText" styleLbl="alignNode1">
          <dgm:varLst>
            <dgm:chMax val="1"/>
            <dgm:bulletEnabled val="1"/>
          </dgm:varLst>
          <dgm:alg type="tx"/>
          <dgm:shape xmlns:r="http://schemas.openxmlformats.org/officeDocument/2006/relationships" rot="90" type="chevron" r:blip="">
            <dgm:adjLst/>
          </dgm:shape>
          <dgm:presOf axis="self" ptType="node"/>
          <dgm:constrLst>
            <dgm:constr type="lMarg" refType="primFontSz" fact="0.05"/>
            <dgm:constr type="rMarg" refType="primFontSz" fact="0.05"/>
            <dgm:constr type="tMarg" refType="primFontSz" fact="0.05"/>
            <dgm:constr type="bMarg" refType="primFontSz" fact="0.05"/>
          </dgm:constrLst>
          <dgm:ruleLst>
            <dgm:rule type="h" val="100" fact="NaN" max="NaN"/>
            <dgm:rule type="primFontSz" val="24" fact="NaN" max="NaN"/>
            <dgm:rule type="h" val="110" fact="NaN" max="NaN"/>
            <dgm:rule type="primFontSz" val="18" fact="NaN" max="NaN"/>
            <dgm:rule type="h" val="INF" fact="NaN" max="NaN"/>
            <dgm:rule type="primFontSz" val="5" fact="NaN" max="NaN"/>
          </dgm:ruleLst>
        </dgm:layoutNode>
        <dgm:layoutNode name="descendantText" styleLbl="alignAcc1">
          <dgm:varLst>
            <dgm:bulletEnabled val="1"/>
          </dgm:varLst>
          <dgm:choose name="Name4">
            <dgm:if name="Name5" func="var" arg="dir" op="equ" val="norm">
              <dgm:alg type="tx">
                <dgm:param type="stBulletLvl" val="1"/>
                <dgm:param type="txAnchorVertCh" val="mid"/>
              </dgm:alg>
              <dgm:shape xmlns:r="http://schemas.openxmlformats.org/officeDocument/2006/relationships" rot="90" type="round2SameRect" r:blip="">
                <dgm:adjLst/>
              </dgm:shape>
            </dgm:if>
            <dgm:else name="Name6">
              <dgm:alg type="tx">
                <dgm:param type="stBulletLvl" val="1"/>
                <dgm:param type="txAnchorVertCh" val="mid"/>
              </dgm:alg>
              <dgm:shape xmlns:r="http://schemas.openxmlformats.org/officeDocument/2006/relationships" rot="-90" type="round2SameRect" r:blip="">
                <dgm:adjLst/>
              </dgm:shape>
            </dgm:else>
          </dgm:choose>
          <dgm:presOf axis="des" ptType="node"/>
          <dgm:choose name="Name7">
            <dgm:if name="Name8" func="var" arg="dir" op="equ" val="norm">
              <dgm:constrLst>
                <dgm:constr type="secFontSz" refType="primFontSz"/>
                <dgm:constr type="tMarg" refType="primFontSz" fact="0.05"/>
                <dgm:constr type="bMarg" refType="primFontSz" fact="0.05"/>
                <dgm:constr type="rMarg" refType="primFontSz" fact="0.05"/>
              </dgm:constrLst>
            </dgm:if>
            <dgm:else name="Name9">
              <dgm:constrLst>
                <dgm:constr type="secFontSz" refType="primFontSz"/>
                <dgm:constr type="tMarg" refType="primFontSz" fact="0.05"/>
                <dgm:constr type="bMarg" refType="primFontSz" fact="0.05"/>
                <dgm:constr type="lMarg" refType="primFontSz" fact="0.05"/>
              </dgm:constrLst>
            </dgm:else>
          </dgm:choose>
          <dgm:ruleLst>
            <dgm:rule type="primFontSz" val="5" fact="NaN" max="NaN"/>
          </dgm:ruleLst>
        </dgm:layoutNode>
      </dgm:layoutNode>
      <dgm:forEach name="Name10" axis="followSib" ptType="sibTrans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>
            <dgm:constr type="w" val="1"/>
            <dgm:constr type="h" val="37.5"/>
          </dgm:constrLst>
          <dgm:ruleLst/>
        </dgm:layoutNode>
      </dgm:forEach>
    </dgm:forEach>
  </dgm:layoutNode>
</dgm:layoutDef>
</file>

<file path=ppt/diagrams/layout8.xml><?xml version="1.0" encoding="utf-8"?>
<dgm:layoutDef xmlns:dgm="http://schemas.openxmlformats.org/drawingml/2006/diagram" xmlns:a="http://schemas.openxmlformats.org/drawingml/2006/main" uniqueId="urn:microsoft.com/office/officeart/2005/8/layout/chevron2">
  <dgm:title val=""/>
  <dgm:desc val=""/>
  <dgm:catLst>
    <dgm:cat type="process" pri="12000"/>
    <dgm:cat type="list" pri="16000"/>
    <dgm:cat type="convert" pri="11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</dgm:ptLst>
      <dgm:cxnLst>
        <dgm:cxn modelId="4" srcId="0" destId="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linearFlow">
    <dgm:varLst>
      <dgm:dir/>
      <dgm:animLvl val="lvl"/>
      <dgm:resizeHandles val="exact"/>
    </dgm:varLst>
    <dgm:alg type="lin">
      <dgm:param type="linDir" val="fromT"/>
      <dgm:param type="nodeHorzAlign" val="l"/>
    </dgm:alg>
    <dgm:shape xmlns:r="http://schemas.openxmlformats.org/officeDocument/2006/relationships" r:blip="">
      <dgm:adjLst/>
    </dgm:shape>
    <dgm:presOf/>
    <dgm:constrLst>
      <dgm:constr type="h" for="ch" forName="composite" refType="h"/>
      <dgm:constr type="w" for="ch" forName="composite" refType="w"/>
      <dgm:constr type="h" for="des" forName="parentText" op="equ"/>
      <dgm:constr type="h" for="ch" forName="sp" val="-14.88"/>
      <dgm:constr type="h" for="ch" forName="sp" refType="w" refFor="des" refForName="parentText" op="gte" fact="-0.3"/>
      <dgm:constr type="primFontSz" for="des" forName="parentText" op="equ" val="65"/>
      <dgm:constr type="primFontSz" for="des" forName="descendantText" op="equ" val="65"/>
    </dgm:constrLst>
    <dgm:ruleLst/>
    <dgm:forEach name="Name0" axis="ch" ptType="node">
      <dgm:layoutNode name="composite">
        <dgm:alg type="composite"/>
        <dgm:shape xmlns:r="http://schemas.openxmlformats.org/officeDocument/2006/relationships" r:blip="">
          <dgm:adjLst/>
        </dgm:shape>
        <dgm:presOf/>
        <dgm:choose name="Name1">
          <dgm:if name="Name2" func="var" arg="dir" op="equ" val="norm">
            <dgm:constrLst>
              <dgm:constr type="t" for="ch" forName="parentText"/>
              <dgm:constr type="l" for="ch" forName="parentText"/>
              <dgm:constr type="w" for="ch" forName="parentText" refType="w" fact="0.4"/>
              <dgm:constr type="h" for="ch" forName="parentText" refType="h"/>
              <dgm:constr type="w" for="ch" forName="parentText" refType="w" op="lte" fact="0.5"/>
              <dgm:constr type="w" for="ch" forName="parentText" refType="h" refFor="ch" refForName="parentText" op="lte" fact="0.7"/>
              <dgm:constr type="h" for="ch" forName="parentText" refType="w" refFor="ch" refForName="parentText" op="lte" fact="3"/>
              <dgm:constr type="l" for="ch" forName="descendantText" refType="w" refFor="ch" refForName="parentText"/>
              <dgm:constr type="w" for="ch" forName="descendantText" refType="w"/>
              <dgm:constr type="wOff" for="ch" forName="descendantText" refType="w" refFor="ch" refForName="parentText" fact="-1"/>
              <dgm:constr type="t" for="ch" forName="descendantText"/>
              <dgm:constr type="b" for="ch" forName="descendantText" refType="h" refFor="ch" refForName="parentText"/>
              <dgm:constr type="bOff" for="ch" forName="descendantText" refType="w" refFor="ch" refForName="parentText" fact="-0.5"/>
            </dgm:constrLst>
          </dgm:if>
          <dgm:else name="Name3">
            <dgm:constrLst>
              <dgm:constr type="t" for="ch" forName="parentText"/>
              <dgm:constr type="r" for="ch" forName="parentText" refType="w"/>
              <dgm:constr type="w" for="ch" forName="parentText" refType="w" fact="0.4"/>
              <dgm:constr type="h" for="ch" forName="parentText" refType="h"/>
              <dgm:constr type="w" for="ch" forName="parentText" refType="w" op="lte" fact="0.5"/>
              <dgm:constr type="w" for="ch" forName="parentText" refType="h" refFor="ch" refForName="parentText" op="lte" fact="0.7"/>
              <dgm:constr type="h" for="ch" forName="parentText" refType="w" refFor="ch" refForName="parentText" op="lte" fact="3"/>
              <dgm:constr type="l" for="ch" forName="descendantText"/>
              <dgm:constr type="w" for="ch" forName="descendantText" refType="w"/>
              <dgm:constr type="wOff" for="ch" forName="descendantText" refType="w" refFor="ch" refForName="parentText" fact="-1"/>
              <dgm:constr type="t" for="ch" forName="descendantText"/>
              <dgm:constr type="b" for="ch" forName="descendantText" refType="h" refFor="ch" refForName="parentText"/>
              <dgm:constr type="bOff" for="ch" forName="descendantText" refType="w" refFor="ch" refForName="parentText" fact="-0.5"/>
            </dgm:constrLst>
          </dgm:else>
        </dgm:choose>
        <dgm:ruleLst/>
        <dgm:layoutNode name="parentText" styleLbl="alignNode1">
          <dgm:varLst>
            <dgm:chMax val="1"/>
            <dgm:bulletEnabled val="1"/>
          </dgm:varLst>
          <dgm:alg type="tx"/>
          <dgm:shape xmlns:r="http://schemas.openxmlformats.org/officeDocument/2006/relationships" rot="90" type="chevron" r:blip="">
            <dgm:adjLst/>
          </dgm:shape>
          <dgm:presOf axis="self" ptType="node"/>
          <dgm:constrLst>
            <dgm:constr type="lMarg" refType="primFontSz" fact="0.05"/>
            <dgm:constr type="rMarg" refType="primFontSz" fact="0.05"/>
            <dgm:constr type="tMarg" refType="primFontSz" fact="0.05"/>
            <dgm:constr type="bMarg" refType="primFontSz" fact="0.05"/>
          </dgm:constrLst>
          <dgm:ruleLst>
            <dgm:rule type="h" val="100" fact="NaN" max="NaN"/>
            <dgm:rule type="primFontSz" val="24" fact="NaN" max="NaN"/>
            <dgm:rule type="h" val="110" fact="NaN" max="NaN"/>
            <dgm:rule type="primFontSz" val="18" fact="NaN" max="NaN"/>
            <dgm:rule type="h" val="INF" fact="NaN" max="NaN"/>
            <dgm:rule type="primFontSz" val="5" fact="NaN" max="NaN"/>
          </dgm:ruleLst>
        </dgm:layoutNode>
        <dgm:layoutNode name="descendantText" styleLbl="alignAcc1">
          <dgm:varLst>
            <dgm:bulletEnabled val="1"/>
          </dgm:varLst>
          <dgm:choose name="Name4">
            <dgm:if name="Name5" func="var" arg="dir" op="equ" val="norm">
              <dgm:alg type="tx">
                <dgm:param type="stBulletLvl" val="1"/>
                <dgm:param type="txAnchorVertCh" val="mid"/>
              </dgm:alg>
              <dgm:shape xmlns:r="http://schemas.openxmlformats.org/officeDocument/2006/relationships" rot="90" type="round2SameRect" r:blip="">
                <dgm:adjLst/>
              </dgm:shape>
            </dgm:if>
            <dgm:else name="Name6">
              <dgm:alg type="tx">
                <dgm:param type="stBulletLvl" val="1"/>
                <dgm:param type="txAnchorVertCh" val="mid"/>
              </dgm:alg>
              <dgm:shape xmlns:r="http://schemas.openxmlformats.org/officeDocument/2006/relationships" rot="-90" type="round2SameRect" r:blip="">
                <dgm:adjLst/>
              </dgm:shape>
            </dgm:else>
          </dgm:choose>
          <dgm:presOf axis="des" ptType="node"/>
          <dgm:choose name="Name7">
            <dgm:if name="Name8" func="var" arg="dir" op="equ" val="norm">
              <dgm:constrLst>
                <dgm:constr type="secFontSz" refType="primFontSz"/>
                <dgm:constr type="tMarg" refType="primFontSz" fact="0.05"/>
                <dgm:constr type="bMarg" refType="primFontSz" fact="0.05"/>
                <dgm:constr type="rMarg" refType="primFontSz" fact="0.05"/>
              </dgm:constrLst>
            </dgm:if>
            <dgm:else name="Name9">
              <dgm:constrLst>
                <dgm:constr type="secFontSz" refType="primFontSz"/>
                <dgm:constr type="tMarg" refType="primFontSz" fact="0.05"/>
                <dgm:constr type="bMarg" refType="primFontSz" fact="0.05"/>
                <dgm:constr type="lMarg" refType="primFontSz" fact="0.05"/>
              </dgm:constrLst>
            </dgm:else>
          </dgm:choose>
          <dgm:ruleLst>
            <dgm:rule type="primFontSz" val="5" fact="NaN" max="NaN"/>
          </dgm:ruleLst>
        </dgm:layoutNode>
      </dgm:layoutNode>
      <dgm:forEach name="Name10" axis="followSib" ptType="sibTrans" cnt="1">
        <dgm:layoutNode name="sp">
          <dgm:alg type="sp"/>
          <dgm:shape xmlns:r="http://schemas.openxmlformats.org/officeDocument/2006/relationships" r:blip="">
            <dgm:adjLst/>
          </dgm:shape>
          <dgm:presOf axis="self"/>
          <dgm:constrLst>
            <dgm:constr type="w" val="1"/>
            <dgm:constr type="h" val="37.5"/>
          </dgm:constrLst>
          <dgm:ruleLst/>
        </dgm:layoutNode>
      </dgm:forEach>
    </dgm:forEach>
  </dgm:layoutNode>
</dgm:layoutDef>
</file>

<file path=ppt/diagrams/layout9.xml><?xml version="1.0" encoding="utf-8"?>
<dgm:layoutDef xmlns:dgm="http://schemas.openxmlformats.org/drawingml/2006/diagram" xmlns:a="http://schemas.openxmlformats.org/drawingml/2006/main" uniqueId="urn:microsoft.com/office/officeart/2005/8/layout/process1">
  <dgm:title val=""/>
  <dgm:desc val=""/>
  <dgm:catLst>
    <dgm:cat type="process" pri="1000"/>
    <dgm:cat type="convert" pri="15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w" for="ch" ptType="node" refType="w"/>
      <dgm:constr type="h" for="ch" ptType="node" op="equ"/>
      <dgm:constr type="primFontSz" for="ch" ptType="node" op="equ" val="65"/>
      <dgm:constr type="w" for="ch" ptType="sibTrans" refType="w" refFor="ch" refPtType="node" op="equ" fact="0.4"/>
      <dgm:constr type="h" for="ch" ptType="sibTrans" op="equ"/>
      <dgm:constr type="primFontSz" for="des" forName="connectorText" op="equ" val="55"/>
      <dgm:constr type="primFontSz" for="des" forName="connectorText" refType="primFontSz" refFor="ch" refPtType="node" op="lte" fact="0.8"/>
    </dgm:constrLst>
    <dgm:ruleLst/>
    <dgm:forEach name="nodesForEach" axis="ch" ptType="node">
      <dgm:layoutNode name="node">
        <dgm:varLst>
          <dgm:bulletEnabled val="1"/>
        </dgm:varLst>
        <dgm:alg type="tx"/>
        <dgm:shape xmlns:r="http://schemas.openxmlformats.org/officeDocument/2006/relationships" type="roundRect" r:blip="">
          <dgm:adjLst>
            <dgm:adj idx="1" val="0.1"/>
          </dgm:adjLst>
        </dgm:shape>
        <dgm:presOf axis="desOrSelf" ptType="node"/>
        <dgm:constrLst>
          <dgm:constr type="h" refType="w" fact="0.6"/>
          <dgm:constr type="tMarg" refType="primFontSz" fact="0.3"/>
          <dgm:constr type="bMarg" refType="primFontSz" fact="0.3"/>
          <dgm:constr type="lMarg" refType="primFontSz" fact="0.3"/>
          <dgm:constr type="rMarg" refType="primFontSz" fact="0.3"/>
        </dgm:constrLst>
        <dgm:ruleLst>
          <dgm:rule type="primFontSz" val="18" fact="NaN" max="NaN"/>
          <dgm:rule type="h" val="NaN" fact="1.5" max="NaN"/>
          <dgm:rule type="primFontSz" val="5" fact="NaN" max="NaN"/>
          <dgm:rule type="h" val="INF" fact="NaN" max="NaN"/>
        </dgm:ruleLst>
      </dgm:layoutNode>
      <dgm:forEach name="sibTransForEach" axis="followSib" ptType="sibTrans" cnt="1">
        <dgm:layoutNode name="sibTrans">
          <dgm:alg type="conn">
            <dgm:param type="begPts" val="auto"/>
            <dgm:param type="endPts" val="auto"/>
          </dgm:alg>
          <dgm:shape xmlns:r="http://schemas.openxmlformats.org/officeDocument/2006/relationships" type="conn" r:blip="">
            <dgm:adjLst/>
          </dgm:shape>
          <dgm:presOf axis="self"/>
          <dgm:constrLst>
            <dgm:constr type="h" refType="w" fact="0.62"/>
            <dgm:constr type="connDist"/>
            <dgm:constr type="begPad" refType="connDist" fact="0.25"/>
            <dgm:constr type="endPad" refType="connDist" fact="0.22"/>
          </dgm:constrLst>
          <dgm:ruleLst/>
          <dgm:layoutNode name="connectorText">
            <dgm:alg type="tx">
              <dgm:param type="autoTxRot" val="grav"/>
            </dgm:alg>
            <dgm:shape xmlns:r="http://schemas.openxmlformats.org/officeDocument/2006/relationships" type="conn" r:blip="" hideGeom="1">
              <dgm:adjLst/>
            </dgm:shape>
            <dgm:presOf axis="self"/>
            <dgm:constrLst>
              <dgm:constr type="lMarg"/>
              <dgm:constr type="rMarg"/>
              <dgm:constr type="tMarg"/>
              <dgm:constr type="bMarg"/>
            </dgm:constrLst>
            <dgm:ruleLst>
              <dgm:rule type="primFontSz" val="5" fact="NaN" max="NaN"/>
            </dgm:ruleLst>
          </dgm:layoutNode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10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1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6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7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8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9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Скругленный прямоугольник 14"/>
          <p:cNvSpPr/>
          <p:nvPr/>
        </p:nvSpPr>
        <p:spPr>
          <a:xfrm>
            <a:off x="304800" y="329184"/>
            <a:ext cx="8532055" cy="6196819"/>
          </a:xfrm>
          <a:prstGeom prst="roundRect">
            <a:avLst>
              <a:gd name="adj" fmla="val 2081"/>
            </a:avLst>
          </a:prstGeom>
          <a:gradFill flip="none" rotWithShape="1">
            <a:gsLst>
              <a:gs pos="0">
                <a:srgbClr val="FFFFFF">
                  <a:shade val="100000"/>
                </a:srgbClr>
              </a:gs>
              <a:gs pos="98000">
                <a:srgbClr val="FFFFFF">
                  <a:shade val="100000"/>
                </a:srgbClr>
              </a:gs>
              <a:gs pos="99055">
                <a:srgbClr val="FFFFFF">
                  <a:shade val="93000"/>
                </a:srgbClr>
              </a:gs>
              <a:gs pos="100000">
                <a:srgbClr val="FFFFFF">
                  <a:shade val="70000"/>
                </a:srgbClr>
              </a:gs>
            </a:gsLst>
            <a:lin ang="5400000" scaled="1"/>
            <a:tileRect/>
          </a:gradFill>
          <a:ln w="2000" cap="rnd" cmpd="sng" algn="ctr">
            <a:solidFill>
              <a:srgbClr val="302F2C">
                <a:tint val="65000"/>
                <a:satMod val="120000"/>
              </a:srgbClr>
            </a:solidFill>
            <a:prstDash val="solid"/>
          </a:ln>
          <a:effectLst>
            <a:outerShdw blurRad="76200" dist="50800" dir="5400000" algn="tl" rotWithShape="0">
              <a:srgbClr val="000000">
                <a:alpha val="25000"/>
              </a:srgb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0" name="Скругленный прямоугольник 9"/>
          <p:cNvSpPr/>
          <p:nvPr/>
        </p:nvSpPr>
        <p:spPr>
          <a:xfrm>
            <a:off x="418596" y="434162"/>
            <a:ext cx="8306809" cy="3108960"/>
          </a:xfrm>
          <a:prstGeom prst="roundRect">
            <a:avLst>
              <a:gd name="adj" fmla="val 4578"/>
            </a:avLst>
          </a:prstGeom>
          <a:gradFill rotWithShape="1">
            <a:gsLst>
              <a:gs pos="0">
                <a:schemeClr val="bg1">
                  <a:tint val="75000"/>
                  <a:satMod val="150000"/>
                </a:schemeClr>
              </a:gs>
              <a:gs pos="55000">
                <a:schemeClr val="bg1">
                  <a:shade val="75000"/>
                  <a:satMod val="100000"/>
                </a:schemeClr>
              </a:gs>
              <a:gs pos="100000">
                <a:schemeClr val="bg1">
                  <a:shade val="35000"/>
                  <a:satMod val="100000"/>
                </a:schemeClr>
              </a:gs>
            </a:gsLst>
            <a:path path="circle">
              <a:fillToRect l="50000" t="175000" r="50000" b="-75000"/>
            </a:path>
          </a:gradFill>
          <a:ln w="889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5" name="Заголовок 4"/>
          <p:cNvSpPr>
            <a:spLocks noGrp="1"/>
          </p:cNvSpPr>
          <p:nvPr>
            <p:ph type="ctrTitle"/>
          </p:nvPr>
        </p:nvSpPr>
        <p:spPr>
          <a:xfrm>
            <a:off x="722376" y="1820206"/>
            <a:ext cx="7772400" cy="1828800"/>
          </a:xfrm>
        </p:spPr>
        <p:txBody>
          <a:bodyPr lIns="45720" rIns="45720" bIns="45720"/>
          <a:lstStyle>
            <a:lvl1pPr algn="r">
              <a:defRPr sz="4500" b="1">
                <a:solidFill>
                  <a:schemeClr val="accent1">
                    <a:tint val="88000"/>
                    <a:satMod val="150000"/>
                  </a:schemeClr>
                </a:solidFill>
                <a:effectLst>
                  <a:outerShdw blurRad="53975" dist="22860" dir="5400000" algn="tl" rotWithShape="0">
                    <a:srgbClr val="000000">
                      <a:alpha val="55000"/>
                    </a:srgbClr>
                  </a:outerShdw>
                </a:effectLst>
              </a:defRPr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20" name="Подзаголовок 19"/>
          <p:cNvSpPr>
            <a:spLocks noGrp="1"/>
          </p:cNvSpPr>
          <p:nvPr>
            <p:ph type="subTitle" idx="1"/>
          </p:nvPr>
        </p:nvSpPr>
        <p:spPr>
          <a:xfrm>
            <a:off x="722376" y="3685032"/>
            <a:ext cx="7772400" cy="914400"/>
          </a:xfrm>
        </p:spPr>
        <p:txBody>
          <a:bodyPr lIns="182880" tIns="0"/>
          <a:lstStyle>
            <a:lvl1pPr marL="36576" indent="0" algn="r">
              <a:spcBef>
                <a:spcPts val="0"/>
              </a:spcBef>
              <a:buNone/>
              <a:defRPr sz="2000">
                <a:solidFill>
                  <a:schemeClr val="bg2">
                    <a:shade val="25000"/>
                  </a:schemeClr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  <a:extLst/>
          </a:lstStyle>
          <a:p>
            <a:r>
              <a:rPr kumimoji="0" lang="ru-RU" smtClean="0"/>
              <a:t>Образец подзаголовка</a:t>
            </a:r>
            <a:endParaRPr kumimoji="0" lang="en-US"/>
          </a:p>
        </p:txBody>
      </p:sp>
      <p:sp>
        <p:nvSpPr>
          <p:cNvPr id="19" name="Дата 18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11" name="Номер слайда 10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502920" y="4983480"/>
            <a:ext cx="8183880" cy="1051560"/>
          </a:xfrm>
        </p:spPr>
        <p:txBody>
          <a:bodyPr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502920" y="530352"/>
            <a:ext cx="8183880" cy="4187952"/>
          </a:xfrm>
        </p:spPr>
        <p:txBody>
          <a:bodyPr vert="eaVert"/>
          <a:lstStyle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533404"/>
            <a:ext cx="1981200" cy="5257799"/>
          </a:xfrm>
        </p:spPr>
        <p:txBody>
          <a:bodyPr vert="eaVert"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533400" y="533402"/>
            <a:ext cx="5943600" cy="5257801"/>
          </a:xfrm>
        </p:spPr>
        <p:txBody>
          <a:bodyPr vert="eaVert"/>
          <a:lstStyle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502920" y="4983480"/>
            <a:ext cx="8183880" cy="1051560"/>
          </a:xfrm>
        </p:spPr>
        <p:txBody>
          <a:bodyPr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502920" y="530352"/>
            <a:ext cx="8183880" cy="4187952"/>
          </a:xfrm>
        </p:spPr>
        <p:txBody>
          <a:bodyPr/>
          <a:lstStyle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Скругленный прямоугольник 13"/>
          <p:cNvSpPr/>
          <p:nvPr/>
        </p:nvSpPr>
        <p:spPr>
          <a:xfrm>
            <a:off x="304800" y="329184"/>
            <a:ext cx="8532055" cy="6196819"/>
          </a:xfrm>
          <a:prstGeom prst="roundRect">
            <a:avLst>
              <a:gd name="adj" fmla="val 2081"/>
            </a:avLst>
          </a:prstGeom>
          <a:gradFill flip="none" rotWithShape="1">
            <a:gsLst>
              <a:gs pos="0">
                <a:srgbClr val="FFFFFF">
                  <a:shade val="100000"/>
                </a:srgbClr>
              </a:gs>
              <a:gs pos="98000">
                <a:srgbClr val="FFFFFF">
                  <a:shade val="100000"/>
                </a:srgbClr>
              </a:gs>
              <a:gs pos="99055">
                <a:srgbClr val="FFFFFF">
                  <a:shade val="93000"/>
                </a:srgbClr>
              </a:gs>
              <a:gs pos="100000">
                <a:srgbClr val="FFFFFF">
                  <a:shade val="70000"/>
                </a:srgbClr>
              </a:gs>
            </a:gsLst>
            <a:lin ang="5400000" scaled="1"/>
            <a:tileRect/>
          </a:gradFill>
          <a:ln w="2000" cap="rnd" cmpd="sng" algn="ctr">
            <a:solidFill>
              <a:srgbClr val="302F2C">
                <a:tint val="65000"/>
                <a:satMod val="120000"/>
              </a:srgbClr>
            </a:solidFill>
            <a:prstDash val="solid"/>
          </a:ln>
          <a:effectLst>
            <a:outerShdw blurRad="76200" dist="50800" dir="5400000" algn="tl" rotWithShape="0">
              <a:srgbClr val="000000">
                <a:alpha val="25000"/>
              </a:srgb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1" name="Скругленный прямоугольник 10"/>
          <p:cNvSpPr/>
          <p:nvPr/>
        </p:nvSpPr>
        <p:spPr>
          <a:xfrm>
            <a:off x="418596" y="434162"/>
            <a:ext cx="8306809" cy="4341329"/>
          </a:xfrm>
          <a:prstGeom prst="roundRect">
            <a:avLst>
              <a:gd name="adj" fmla="val 2127"/>
            </a:avLst>
          </a:prstGeom>
          <a:gradFill rotWithShape="1">
            <a:gsLst>
              <a:gs pos="0">
                <a:schemeClr val="bg1">
                  <a:tint val="75000"/>
                  <a:satMod val="150000"/>
                </a:schemeClr>
              </a:gs>
              <a:gs pos="55000">
                <a:schemeClr val="bg1">
                  <a:shade val="75000"/>
                  <a:satMod val="100000"/>
                </a:schemeClr>
              </a:gs>
              <a:gs pos="100000">
                <a:schemeClr val="bg1">
                  <a:shade val="35000"/>
                  <a:satMod val="100000"/>
                </a:schemeClr>
              </a:gs>
            </a:gsLst>
            <a:path path="circle">
              <a:fillToRect l="50000" t="175000" r="50000" b="-75000"/>
            </a:path>
          </a:gradFill>
          <a:ln w="889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68344" y="4928616"/>
            <a:ext cx="8183880" cy="676656"/>
          </a:xfrm>
        </p:spPr>
        <p:txBody>
          <a:bodyPr lIns="91440" bIns="0" anchor="b"/>
          <a:lstStyle>
            <a:lvl1pPr algn="l">
              <a:buNone/>
              <a:defRPr sz="3600" b="0" cap="none" baseline="0">
                <a:solidFill>
                  <a:schemeClr val="bg2">
                    <a:shade val="25000"/>
                  </a:schemeClr>
                </a:solidFill>
                <a:effectLst/>
              </a:defRPr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68344" y="5624484"/>
            <a:ext cx="8183880" cy="420624"/>
          </a:xfrm>
        </p:spPr>
        <p:txBody>
          <a:bodyPr lIns="118872" tIns="0" anchor="t"/>
          <a:lstStyle>
            <a:lvl1pPr marL="0" marR="36576" indent="0" algn="l">
              <a:spcBef>
                <a:spcPts val="0"/>
              </a:spcBef>
              <a:spcAft>
                <a:spcPts val="0"/>
              </a:spcAft>
              <a:buNone/>
              <a:defRPr sz="1800" b="0">
                <a:solidFill>
                  <a:schemeClr val="accent1">
                    <a:shade val="50000"/>
                    <a:satMod val="110000"/>
                  </a:schemeClr>
                </a:solidFill>
                <a:effectLst/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Содержимое 2"/>
          <p:cNvSpPr>
            <a:spLocks noGrp="1"/>
          </p:cNvSpPr>
          <p:nvPr>
            <p:ph sz="half" idx="1"/>
          </p:nvPr>
        </p:nvSpPr>
        <p:spPr>
          <a:xfrm>
            <a:off x="514352" y="530352"/>
            <a:ext cx="3931920" cy="4389120"/>
          </a:xfrm>
        </p:spPr>
        <p:txBody>
          <a:bodyPr/>
          <a:lstStyle>
            <a:lvl1pPr>
              <a:defRPr sz="2600"/>
            </a:lvl1pPr>
            <a:lvl2pPr>
              <a:defRPr sz="22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4755360" y="530352"/>
            <a:ext cx="3931920" cy="4389120"/>
          </a:xfrm>
        </p:spPr>
        <p:txBody>
          <a:bodyPr/>
          <a:lstStyle>
            <a:lvl1pPr>
              <a:defRPr sz="2600"/>
            </a:lvl1pPr>
            <a:lvl2pPr>
              <a:defRPr sz="22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502920" y="4983480"/>
            <a:ext cx="8183880" cy="1051560"/>
          </a:xfrm>
        </p:spPr>
        <p:txBody>
          <a:bodyPr anchor="b"/>
          <a:lstStyle>
            <a:lvl1pPr>
              <a:defRPr b="1"/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607224" y="579438"/>
            <a:ext cx="3931920" cy="792162"/>
          </a:xfrm>
        </p:spPr>
        <p:txBody>
          <a:bodyPr lIns="146304" anchor="ctr"/>
          <a:lstStyle>
            <a:lvl1pPr marL="0" indent="0" algn="l">
              <a:buNone/>
              <a:defRPr sz="2400" b="1">
                <a:solidFill>
                  <a:schemeClr val="tx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3"/>
          </p:nvPr>
        </p:nvSpPr>
        <p:spPr>
          <a:xfrm>
            <a:off x="4652169" y="579438"/>
            <a:ext cx="3931920" cy="792162"/>
          </a:xfrm>
        </p:spPr>
        <p:txBody>
          <a:bodyPr lIns="137160" anchor="ctr"/>
          <a:lstStyle>
            <a:lvl1pPr marL="0" indent="0" algn="l">
              <a:buNone/>
              <a:defRPr sz="2400" b="1">
                <a:solidFill>
                  <a:schemeClr val="tx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5" name="Содержимое 4"/>
          <p:cNvSpPr>
            <a:spLocks noGrp="1"/>
          </p:cNvSpPr>
          <p:nvPr>
            <p:ph sz="quarter" idx="2"/>
          </p:nvPr>
        </p:nvSpPr>
        <p:spPr>
          <a:xfrm>
            <a:off x="607224" y="1447800"/>
            <a:ext cx="3931920" cy="3489960"/>
          </a:xfrm>
        </p:spPr>
        <p:txBody>
          <a:bodyPr anchor="t"/>
          <a:lstStyle>
            <a:lvl1pPr algn="l">
              <a:defRPr sz="2400"/>
            </a:lvl1pPr>
            <a:lvl2pPr algn="l">
              <a:defRPr sz="2000"/>
            </a:lvl2pPr>
            <a:lvl3pPr algn="l">
              <a:defRPr sz="1800"/>
            </a:lvl3pPr>
            <a:lvl4pPr algn="l">
              <a:defRPr sz="1600"/>
            </a:lvl4pPr>
            <a:lvl5pPr algn="l">
              <a:defRPr sz="16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6" name="Содержимое 5"/>
          <p:cNvSpPr>
            <a:spLocks noGrp="1"/>
          </p:cNvSpPr>
          <p:nvPr>
            <p:ph sz="quarter" idx="4"/>
          </p:nvPr>
        </p:nvSpPr>
        <p:spPr>
          <a:xfrm>
            <a:off x="4652169" y="1447800"/>
            <a:ext cx="3931920" cy="3489960"/>
          </a:xfrm>
        </p:spPr>
        <p:txBody>
          <a:bodyPr anchor="t"/>
          <a:lstStyle>
            <a:lvl1pPr algn="l">
              <a:defRPr sz="2400"/>
            </a:lvl1pPr>
            <a:lvl2pPr algn="l">
              <a:defRPr sz="2000"/>
            </a:lvl2pPr>
            <a:lvl3pPr algn="l">
              <a:defRPr sz="1800"/>
            </a:lvl3pPr>
            <a:lvl4pPr algn="l">
              <a:defRPr sz="1600"/>
            </a:lvl4pPr>
            <a:lvl5pPr algn="l">
              <a:defRPr sz="1600"/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Скругленный прямоугольник 6"/>
          <p:cNvSpPr/>
          <p:nvPr/>
        </p:nvSpPr>
        <p:spPr>
          <a:xfrm>
            <a:off x="304800" y="329184"/>
            <a:ext cx="8532055" cy="6196819"/>
          </a:xfrm>
          <a:prstGeom prst="roundRect">
            <a:avLst>
              <a:gd name="adj" fmla="val 2081"/>
            </a:avLst>
          </a:prstGeom>
          <a:gradFill flip="none" rotWithShape="1">
            <a:gsLst>
              <a:gs pos="0">
                <a:srgbClr val="FFFFFF">
                  <a:shade val="100000"/>
                </a:srgbClr>
              </a:gs>
              <a:gs pos="98000">
                <a:srgbClr val="FFFFFF">
                  <a:shade val="100000"/>
                </a:srgbClr>
              </a:gs>
              <a:gs pos="99055">
                <a:srgbClr val="FFFFFF">
                  <a:shade val="93000"/>
                </a:srgbClr>
              </a:gs>
              <a:gs pos="100000">
                <a:srgbClr val="FFFFFF">
                  <a:shade val="70000"/>
                </a:srgbClr>
              </a:gs>
            </a:gsLst>
            <a:lin ang="5400000" scaled="1"/>
            <a:tileRect/>
          </a:gradFill>
          <a:ln w="2000" cap="rnd" cmpd="sng" algn="ctr">
            <a:solidFill>
              <a:srgbClr val="302F2C">
                <a:tint val="65000"/>
                <a:satMod val="120000"/>
              </a:srgbClr>
            </a:solidFill>
            <a:prstDash val="solid"/>
          </a:ln>
          <a:effectLst>
            <a:outerShdw blurRad="76200" dist="50800" dir="5400000" algn="tl" rotWithShape="0">
              <a:srgbClr val="000000">
                <a:alpha val="25000"/>
              </a:srgb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5538784" y="533400"/>
            <a:ext cx="2971800" cy="914400"/>
          </a:xfrm>
        </p:spPr>
        <p:txBody>
          <a:bodyPr anchor="b"/>
          <a:lstStyle>
            <a:lvl1pPr algn="l">
              <a:buNone/>
              <a:defRPr sz="2200" b="1">
                <a:solidFill>
                  <a:schemeClr val="accent1"/>
                </a:solidFill>
              </a:defRPr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2"/>
          </p:nvPr>
        </p:nvSpPr>
        <p:spPr>
          <a:xfrm>
            <a:off x="5538847" y="1447802"/>
            <a:ext cx="2971800" cy="4206112"/>
          </a:xfrm>
        </p:spPr>
        <p:txBody>
          <a:bodyPr lIns="91440"/>
          <a:lstStyle>
            <a:lvl1pPr marL="18288" marR="18288" indent="0">
              <a:spcBef>
                <a:spcPts val="0"/>
              </a:spcBef>
              <a:buNone/>
              <a:defRPr sz="1400">
                <a:solidFill>
                  <a:schemeClr val="tx1"/>
                </a:solidFill>
              </a:defRPr>
            </a:lvl1pPr>
            <a:lvl2pPr>
              <a:buNone/>
              <a:defRPr sz="1200">
                <a:solidFill>
                  <a:schemeClr val="tx1"/>
                </a:solidFill>
              </a:defRPr>
            </a:lvl2pPr>
            <a:lvl3pPr>
              <a:buNone/>
              <a:defRPr sz="1000">
                <a:solidFill>
                  <a:schemeClr val="tx1"/>
                </a:solidFill>
              </a:defRPr>
            </a:lvl3pPr>
            <a:lvl4pPr>
              <a:buNone/>
              <a:defRPr sz="900">
                <a:solidFill>
                  <a:schemeClr val="tx1"/>
                </a:solidFill>
              </a:defRPr>
            </a:lvl4pPr>
            <a:lvl5pPr>
              <a:buNone/>
              <a:defRPr sz="900">
                <a:solidFill>
                  <a:schemeClr val="tx1"/>
                </a:solidFill>
              </a:defRPr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Содержимое 3"/>
          <p:cNvSpPr>
            <a:spLocks noGrp="1"/>
          </p:cNvSpPr>
          <p:nvPr>
            <p:ph sz="half" idx="1"/>
          </p:nvPr>
        </p:nvSpPr>
        <p:spPr>
          <a:xfrm>
            <a:off x="761372" y="930144"/>
            <a:ext cx="4626159" cy="4724402"/>
          </a:xfrm>
        </p:spPr>
        <p:txBody>
          <a:bodyPr/>
          <a:lstStyle>
            <a:lvl1pPr>
              <a:defRPr sz="2800">
                <a:solidFill>
                  <a:schemeClr val="tx1"/>
                </a:solidFill>
              </a:defRPr>
            </a:lvl1pPr>
            <a:lvl2pPr>
              <a:defRPr sz="2600">
                <a:solidFill>
                  <a:schemeClr val="tx1"/>
                </a:solidFill>
              </a:defRPr>
            </a:lvl2pPr>
            <a:lvl3pPr>
              <a:defRPr sz="2400">
                <a:solidFill>
                  <a:schemeClr val="tx1"/>
                </a:solidFill>
              </a:defRPr>
            </a:lvl3pPr>
            <a:lvl4pPr>
              <a:defRPr sz="2000">
                <a:solidFill>
                  <a:schemeClr val="tx1"/>
                </a:solidFill>
              </a:defRPr>
            </a:lvl4pPr>
            <a:lvl5pPr>
              <a:defRPr sz="2000">
                <a:solidFill>
                  <a:schemeClr val="tx1"/>
                </a:solidFill>
              </a:defRPr>
            </a:lvl5pPr>
            <a:lvl6pPr>
              <a:buNone/>
              <a:defRPr/>
            </a:lvl6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Скругленный прямоугольник 14"/>
          <p:cNvSpPr/>
          <p:nvPr/>
        </p:nvSpPr>
        <p:spPr>
          <a:xfrm>
            <a:off x="304800" y="329184"/>
            <a:ext cx="8532055" cy="6196819"/>
          </a:xfrm>
          <a:prstGeom prst="roundRect">
            <a:avLst>
              <a:gd name="adj" fmla="val 2081"/>
            </a:avLst>
          </a:prstGeom>
          <a:gradFill flip="none" rotWithShape="1">
            <a:gsLst>
              <a:gs pos="0">
                <a:srgbClr val="FFFFFF">
                  <a:shade val="100000"/>
                </a:srgbClr>
              </a:gs>
              <a:gs pos="98000">
                <a:srgbClr val="FFFFFF">
                  <a:shade val="100000"/>
                </a:srgbClr>
              </a:gs>
              <a:gs pos="99055">
                <a:srgbClr val="FFFFFF">
                  <a:shade val="93000"/>
                </a:srgbClr>
              </a:gs>
              <a:gs pos="100000">
                <a:srgbClr val="FFFFFF">
                  <a:shade val="70000"/>
                </a:srgbClr>
              </a:gs>
            </a:gsLst>
            <a:lin ang="5400000" scaled="1"/>
            <a:tileRect/>
          </a:gradFill>
          <a:ln w="2000" cap="rnd" cmpd="sng" algn="ctr">
            <a:solidFill>
              <a:srgbClr val="302F2C">
                <a:tint val="65000"/>
                <a:satMod val="120000"/>
              </a:srgbClr>
            </a:solidFill>
            <a:prstDash val="solid"/>
          </a:ln>
          <a:effectLst>
            <a:outerShdw blurRad="76200" dist="50800" dir="5400000" algn="tl" rotWithShape="0">
              <a:srgbClr val="000000">
                <a:alpha val="25000"/>
              </a:srgb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1" name="Прямоугольник с одним скругленным углом 10"/>
          <p:cNvSpPr/>
          <p:nvPr/>
        </p:nvSpPr>
        <p:spPr>
          <a:xfrm>
            <a:off x="6400800" y="434162"/>
            <a:ext cx="2324605" cy="4343400"/>
          </a:xfrm>
          <a:prstGeom prst="round1Rect">
            <a:avLst>
              <a:gd name="adj" fmla="val 2748"/>
            </a:avLst>
          </a:prstGeom>
          <a:solidFill>
            <a:srgbClr val="1C1C1C"/>
          </a:solidFill>
          <a:ln w="889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5012056"/>
            <a:ext cx="8229600" cy="1051560"/>
          </a:xfrm>
        </p:spPr>
        <p:txBody>
          <a:bodyPr anchor="t"/>
          <a:lstStyle>
            <a:lvl1pPr algn="l">
              <a:buNone/>
              <a:defRPr sz="3600" b="0">
                <a:solidFill>
                  <a:schemeClr val="bg2">
                    <a:shade val="25000"/>
                  </a:schemeClr>
                </a:solidFill>
                <a:effectLst/>
              </a:defRPr>
            </a:lvl1pPr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 bwMode="grayWhite">
          <a:xfrm>
            <a:off x="6462712" y="533400"/>
            <a:ext cx="2240280" cy="4211480"/>
          </a:xfrm>
        </p:spPr>
        <p:txBody>
          <a:bodyPr lIns="91440"/>
          <a:lstStyle>
            <a:lvl1pPr marL="45720" indent="0" algn="l">
              <a:spcBef>
                <a:spcPts val="0"/>
              </a:spcBef>
              <a:buNone/>
              <a:defRPr sz="1400">
                <a:solidFill>
                  <a:srgbClr val="FFFFFF"/>
                </a:solidFill>
              </a:defRPr>
            </a:lvl1pPr>
            <a:lvl2pPr>
              <a:defRPr sz="1200">
                <a:solidFill>
                  <a:srgbClr val="FFFFFF"/>
                </a:solidFill>
              </a:defRPr>
            </a:lvl2pPr>
            <a:lvl3pPr>
              <a:defRPr sz="1000">
                <a:solidFill>
                  <a:srgbClr val="FFFFFF"/>
                </a:solidFill>
              </a:defRPr>
            </a:lvl3pPr>
            <a:lvl4pPr>
              <a:defRPr sz="900">
                <a:solidFill>
                  <a:srgbClr val="FFFFFF"/>
                </a:solidFill>
              </a:defRPr>
            </a:lvl4pPr>
            <a:lvl5pPr>
              <a:defRPr sz="900">
                <a:solidFill>
                  <a:srgbClr val="FFFFFF"/>
                </a:solidFill>
              </a:defRPr>
            </a:lvl5pPr>
            <a:extLst/>
          </a:lstStyle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421480" y="435768"/>
            <a:ext cx="5925312" cy="4343400"/>
          </a:xfrm>
          <a:prstGeom prst="snipRoundRect">
            <a:avLst>
              <a:gd name="adj1" fmla="val 1040"/>
              <a:gd name="adj2" fmla="val 0"/>
            </a:avLst>
          </a:prstGeom>
          <a:solidFill>
            <a:schemeClr val="bg2">
              <a:shade val="10000"/>
            </a:schemeClr>
          </a:solidFill>
        </p:spPr>
        <p:txBody>
          <a:bodyPr/>
          <a:lstStyle>
            <a:lvl1pPr marL="0" indent="0">
              <a:buNone/>
              <a:defRPr sz="3200"/>
            </a:lvl1pPr>
            <a:extLst/>
          </a:lstStyle>
          <a:p>
            <a:r>
              <a:rPr kumimoji="0" lang="ru-RU" smtClean="0"/>
              <a:t>Вставка рисунка</a:t>
            </a:r>
            <a:endParaRPr kumimoji="0"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Скругленный прямоугольник 6"/>
          <p:cNvSpPr/>
          <p:nvPr/>
        </p:nvSpPr>
        <p:spPr>
          <a:xfrm>
            <a:off x="304800" y="329184"/>
            <a:ext cx="8532055" cy="6196819"/>
          </a:xfrm>
          <a:prstGeom prst="roundRect">
            <a:avLst>
              <a:gd name="adj" fmla="val 2081"/>
            </a:avLst>
          </a:prstGeom>
          <a:gradFill flip="none" rotWithShape="1">
            <a:gsLst>
              <a:gs pos="0">
                <a:srgbClr val="FFFFFF">
                  <a:shade val="100000"/>
                </a:srgbClr>
              </a:gs>
              <a:gs pos="98000">
                <a:srgbClr val="FFFFFF">
                  <a:shade val="100000"/>
                </a:srgbClr>
              </a:gs>
              <a:gs pos="99055">
                <a:srgbClr val="FFFFFF">
                  <a:shade val="93000"/>
                </a:srgbClr>
              </a:gs>
              <a:gs pos="100000">
                <a:srgbClr val="FFFFFF">
                  <a:shade val="70000"/>
                </a:srgbClr>
              </a:gs>
            </a:gsLst>
            <a:lin ang="5400000" scaled="1"/>
            <a:tileRect/>
          </a:gradFill>
          <a:ln w="2000" cap="rnd" cmpd="sng" algn="ctr">
            <a:solidFill>
              <a:srgbClr val="302F2C">
                <a:tint val="65000"/>
                <a:satMod val="120000"/>
              </a:srgbClr>
            </a:solidFill>
            <a:prstDash val="solid"/>
          </a:ln>
          <a:effectLst>
            <a:outerShdw blurRad="76200" dist="50800" dir="5400000" algn="tl" rotWithShape="0">
              <a:srgbClr val="000000">
                <a:alpha val="25000"/>
              </a:srgb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9" name="Скругленный прямоугольник 8"/>
          <p:cNvSpPr/>
          <p:nvPr/>
        </p:nvSpPr>
        <p:spPr>
          <a:xfrm>
            <a:off x="418596" y="434162"/>
            <a:ext cx="8306809" cy="5486400"/>
          </a:xfrm>
          <a:prstGeom prst="roundRect">
            <a:avLst>
              <a:gd name="adj" fmla="val 2127"/>
            </a:avLst>
          </a:prstGeom>
          <a:gradFill rotWithShape="1">
            <a:gsLst>
              <a:gs pos="0">
                <a:schemeClr val="bg1">
                  <a:tint val="75000"/>
                  <a:satMod val="150000"/>
                </a:schemeClr>
              </a:gs>
              <a:gs pos="55000">
                <a:schemeClr val="bg1">
                  <a:shade val="75000"/>
                  <a:satMod val="100000"/>
                </a:schemeClr>
              </a:gs>
              <a:gs pos="100000">
                <a:schemeClr val="bg1">
                  <a:shade val="35000"/>
                  <a:satMod val="100000"/>
                </a:schemeClr>
              </a:gs>
            </a:gsLst>
            <a:path path="circle">
              <a:fillToRect l="50000" t="175000" r="50000" b="-75000"/>
            </a:path>
          </a:gradFill>
          <a:ln w="889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3" name="Заголовок 12"/>
          <p:cNvSpPr>
            <a:spLocks noGrp="1"/>
          </p:cNvSpPr>
          <p:nvPr>
            <p:ph type="title"/>
          </p:nvPr>
        </p:nvSpPr>
        <p:spPr>
          <a:xfrm>
            <a:off x="502920" y="4985590"/>
            <a:ext cx="8183880" cy="1051560"/>
          </a:xfrm>
          <a:prstGeom prst="rect">
            <a:avLst/>
          </a:prstGeom>
        </p:spPr>
        <p:txBody>
          <a:bodyPr vert="horz" anchor="b">
            <a:normAutofit/>
          </a:bodyPr>
          <a:lstStyle>
            <a:extLst/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4" name="Текст 3"/>
          <p:cNvSpPr>
            <a:spLocks noGrp="1"/>
          </p:cNvSpPr>
          <p:nvPr>
            <p:ph type="body" idx="1"/>
          </p:nvPr>
        </p:nvSpPr>
        <p:spPr>
          <a:xfrm>
            <a:off x="502920" y="530352"/>
            <a:ext cx="8183880" cy="4187952"/>
          </a:xfrm>
          <a:prstGeom prst="rect">
            <a:avLst/>
          </a:prstGeom>
        </p:spPr>
        <p:txBody>
          <a:bodyPr vert="horz" lIns="182880" tIns="91440">
            <a:normAutofit/>
          </a:bodyPr>
          <a:lstStyle>
            <a:extLst/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  <a:p>
            <a:pPr lvl="1" eaLnBrk="1" latinLnBrk="0" hangingPunct="1"/>
            <a:r>
              <a:rPr kumimoji="0" lang="ru-RU" smtClean="0"/>
              <a:t>Второй уровень</a:t>
            </a:r>
          </a:p>
          <a:p>
            <a:pPr lvl="2" eaLnBrk="1" latinLnBrk="0" hangingPunct="1"/>
            <a:r>
              <a:rPr kumimoji="0" lang="ru-RU" smtClean="0"/>
              <a:t>Третий уровень</a:t>
            </a:r>
          </a:p>
          <a:p>
            <a:pPr lvl="3" eaLnBrk="1" latinLnBrk="0" hangingPunct="1"/>
            <a:r>
              <a:rPr kumimoji="0" lang="ru-RU" smtClean="0"/>
              <a:t>Четвертый уровень</a:t>
            </a:r>
          </a:p>
          <a:p>
            <a:pPr lvl="4" eaLnBrk="1" latinLnBrk="0" hangingPunct="1"/>
            <a:r>
              <a:rPr kumimoji="0" lang="ru-RU" smtClean="0"/>
              <a:t>Пятый уровень</a:t>
            </a:r>
            <a:endParaRPr kumimoji="0" lang="en-US"/>
          </a:p>
        </p:txBody>
      </p:sp>
      <p:sp>
        <p:nvSpPr>
          <p:cNvPr id="25" name="Дата 24"/>
          <p:cNvSpPr>
            <a:spLocks noGrp="1"/>
          </p:cNvSpPr>
          <p:nvPr>
            <p:ph type="dt" sz="half" idx="2"/>
          </p:nvPr>
        </p:nvSpPr>
        <p:spPr>
          <a:xfrm>
            <a:off x="3776328" y="6111875"/>
            <a:ext cx="2286000" cy="365125"/>
          </a:xfrm>
          <a:prstGeom prst="rect">
            <a:avLst/>
          </a:prstGeom>
        </p:spPr>
        <p:txBody>
          <a:bodyPr vert="horz" anchor="b"/>
          <a:lstStyle>
            <a:lvl1pPr algn="r" eaLnBrk="1" latinLnBrk="0" hangingPunct="1">
              <a:defRPr kumimoji="0" sz="1000">
                <a:solidFill>
                  <a:schemeClr val="bg2">
                    <a:shade val="50000"/>
                  </a:schemeClr>
                </a:solidFill>
              </a:defRPr>
            </a:lvl1pPr>
            <a:extLst/>
          </a:lstStyle>
          <a:p>
            <a:fld id="{27DD1147-62C2-4607-AE87-3677E2C426E3}" type="datetimeFigureOut">
              <a:rPr lang="ru-RU" smtClean="0"/>
              <a:pPr/>
              <a:t>10.12.2019</a:t>
            </a:fld>
            <a:endParaRPr lang="ru-RU"/>
          </a:p>
        </p:txBody>
      </p:sp>
      <p:sp>
        <p:nvSpPr>
          <p:cNvPr id="18" name="Нижний колонтитул 17"/>
          <p:cNvSpPr>
            <a:spLocks noGrp="1"/>
          </p:cNvSpPr>
          <p:nvPr>
            <p:ph type="ftr" sz="quarter" idx="3"/>
          </p:nvPr>
        </p:nvSpPr>
        <p:spPr>
          <a:xfrm>
            <a:off x="6062328" y="6111875"/>
            <a:ext cx="2286000" cy="365125"/>
          </a:xfrm>
          <a:prstGeom prst="rect">
            <a:avLst/>
          </a:prstGeom>
        </p:spPr>
        <p:txBody>
          <a:bodyPr vert="horz" anchor="b"/>
          <a:lstStyle>
            <a:lvl1pPr algn="l" eaLnBrk="1" latinLnBrk="0" hangingPunct="1">
              <a:defRPr kumimoji="0" sz="1000">
                <a:solidFill>
                  <a:schemeClr val="bg2">
                    <a:shade val="50000"/>
                  </a:schemeClr>
                </a:solidFill>
              </a:defRPr>
            </a:lvl1pPr>
            <a:extLst/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4"/>
          </p:nvPr>
        </p:nvSpPr>
        <p:spPr>
          <a:xfrm>
            <a:off x="8348328" y="6111875"/>
            <a:ext cx="457200" cy="365125"/>
          </a:xfrm>
          <a:prstGeom prst="rect">
            <a:avLst/>
          </a:prstGeom>
        </p:spPr>
        <p:txBody>
          <a:bodyPr vert="horz" anchor="b"/>
          <a:lstStyle>
            <a:lvl1pPr algn="r" eaLnBrk="1" latinLnBrk="0" hangingPunct="1">
              <a:defRPr kumimoji="0" sz="1000">
                <a:solidFill>
                  <a:schemeClr val="bg2">
                    <a:shade val="50000"/>
                  </a:schemeClr>
                </a:solidFill>
              </a:defRPr>
            </a:lvl1pPr>
            <a:extLst/>
          </a:lstStyle>
          <a:p>
            <a:fld id="{B6FC2455-9BD4-415B-A457-F5BC12F9E72D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rtl="0" eaLnBrk="1" latinLnBrk="0" hangingPunct="1">
        <a:spcBef>
          <a:spcPct val="0"/>
        </a:spcBef>
        <a:buNone/>
        <a:defRPr kumimoji="0" sz="3600" b="1" kern="1200">
          <a:solidFill>
            <a:schemeClr val="accent1">
              <a:tint val="88000"/>
              <a:satMod val="150000"/>
            </a:schemeClr>
          </a:solidFill>
          <a:effectLst>
            <a:outerShdw blurRad="53975" dist="22860" dir="5400000" algn="tl" rotWithShape="0">
              <a:srgbClr val="000000">
                <a:alpha val="55000"/>
              </a:srgbClr>
            </a:outerShdw>
          </a:effectLst>
          <a:latin typeface="+mj-lt"/>
          <a:ea typeface="+mj-ea"/>
          <a:cs typeface="+mj-cs"/>
        </a:defRPr>
      </a:lvl1pPr>
      <a:extLst/>
    </p:titleStyle>
    <p:bodyStyle>
      <a:lvl1pPr marL="265176" indent="-265176" algn="l" rtl="0" eaLnBrk="1" latinLnBrk="0" hangingPunct="1">
        <a:spcBef>
          <a:spcPts val="250"/>
        </a:spcBef>
        <a:buClr>
          <a:schemeClr val="accent1"/>
        </a:buClr>
        <a:buSzPct val="80000"/>
        <a:buFont typeface="Wingdings 2"/>
        <a:buChar char=""/>
        <a:defRPr kumimoji="0" sz="2800" kern="1200">
          <a:solidFill>
            <a:schemeClr val="tx1"/>
          </a:solidFill>
          <a:effectLst/>
          <a:latin typeface="+mn-lt"/>
          <a:ea typeface="+mn-ea"/>
          <a:cs typeface="+mn-cs"/>
        </a:defRPr>
      </a:lvl1pPr>
      <a:lvl2pPr marL="548640" indent="-201168" algn="l" rtl="0" eaLnBrk="1" latinLnBrk="0" hangingPunct="1">
        <a:spcBef>
          <a:spcPts val="250"/>
        </a:spcBef>
        <a:buClr>
          <a:schemeClr val="accent1"/>
        </a:buClr>
        <a:buSzPct val="100000"/>
        <a:buFont typeface="Verdana"/>
        <a:buChar char="◦"/>
        <a:defRPr kumimoji="0"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786384" indent="-182880" algn="l" rtl="0" eaLnBrk="1" latinLnBrk="0" hangingPunct="1">
        <a:spcBef>
          <a:spcPts val="250"/>
        </a:spcBef>
        <a:buClr>
          <a:schemeClr val="accent2">
            <a:tint val="85000"/>
            <a:satMod val="285000"/>
          </a:schemeClr>
        </a:buClr>
        <a:buSzPct val="100000"/>
        <a:buFont typeface="Wingdings 2"/>
        <a:buChar char=""/>
        <a:defRPr kumimoji="0" sz="2200" kern="1200">
          <a:solidFill>
            <a:schemeClr val="tx1"/>
          </a:solidFill>
          <a:latin typeface="+mn-lt"/>
          <a:ea typeface="+mn-ea"/>
          <a:cs typeface="+mn-cs"/>
        </a:defRPr>
      </a:lvl3pPr>
      <a:lvl4pPr marL="1024128" indent="-182880" algn="l" rtl="0" eaLnBrk="1" latinLnBrk="0" hangingPunct="1">
        <a:spcBef>
          <a:spcPts val="230"/>
        </a:spcBef>
        <a:buClr>
          <a:schemeClr val="accent2">
            <a:tint val="85000"/>
            <a:satMod val="285000"/>
          </a:schemeClr>
        </a:buClr>
        <a:buSzPct val="112000"/>
        <a:buFont typeface="Verdana"/>
        <a:buChar char="◦"/>
        <a:defRPr kumimoji="0" sz="1900" kern="1200">
          <a:solidFill>
            <a:schemeClr val="tx1"/>
          </a:solidFill>
          <a:latin typeface="+mn-lt"/>
          <a:ea typeface="+mn-ea"/>
          <a:cs typeface="+mn-cs"/>
        </a:defRPr>
      </a:lvl4pPr>
      <a:lvl5pPr marL="1280160" indent="-182880" algn="l" rtl="0" eaLnBrk="1" latinLnBrk="0" hangingPunct="1">
        <a:spcBef>
          <a:spcPts val="250"/>
        </a:spcBef>
        <a:buClr>
          <a:schemeClr val="accent3">
            <a:tint val="85000"/>
            <a:satMod val="275000"/>
          </a:schemeClr>
        </a:buClr>
        <a:buSzPct val="100000"/>
        <a:buFont typeface="Wingdings 2"/>
        <a:buChar char="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1490472" indent="-182880" algn="l" rtl="0" eaLnBrk="1" latinLnBrk="0" hangingPunct="1">
        <a:spcBef>
          <a:spcPts val="250"/>
        </a:spcBef>
        <a:buClr>
          <a:schemeClr val="accent3">
            <a:tint val="85000"/>
            <a:satMod val="275000"/>
          </a:schemeClr>
        </a:buClr>
        <a:buSzPct val="100000"/>
        <a:buFont typeface="Verdana"/>
        <a:buChar char="◦"/>
        <a:defRPr kumimoji="0" sz="1700" kern="1200" baseline="0">
          <a:solidFill>
            <a:schemeClr val="tx1"/>
          </a:solidFill>
          <a:latin typeface="+mn-lt"/>
          <a:ea typeface="+mn-ea"/>
          <a:cs typeface="+mn-cs"/>
        </a:defRPr>
      </a:lvl6pPr>
      <a:lvl7pPr marL="1700784" indent="-182880" algn="l" rtl="0" eaLnBrk="1" latinLnBrk="0" hangingPunct="1">
        <a:spcBef>
          <a:spcPts val="255"/>
        </a:spcBef>
        <a:buClr>
          <a:schemeClr val="accent3">
            <a:tint val="85000"/>
            <a:satMod val="275000"/>
          </a:schemeClr>
        </a:buClr>
        <a:buSzPct val="100000"/>
        <a:buFont typeface="Wingdings 2"/>
        <a:buChar char=""/>
        <a:defRPr kumimoji="0" sz="1500" kern="1200">
          <a:solidFill>
            <a:schemeClr val="tx1"/>
          </a:solidFill>
          <a:latin typeface="+mn-lt"/>
          <a:ea typeface="+mn-ea"/>
          <a:cs typeface="+mn-cs"/>
        </a:defRPr>
      </a:lvl7pPr>
      <a:lvl8pPr marL="1920240" indent="-182880" algn="l" rtl="0" eaLnBrk="1" latinLnBrk="0" hangingPunct="1">
        <a:spcBef>
          <a:spcPts val="257"/>
        </a:spcBef>
        <a:buClr>
          <a:schemeClr val="accent3">
            <a:tint val="85000"/>
            <a:satMod val="275000"/>
          </a:schemeClr>
        </a:buClr>
        <a:buSzPct val="100000"/>
        <a:buFont typeface="Verdana"/>
        <a:buChar char="◦"/>
        <a:defRPr kumimoji="0" sz="1500" kern="1200" baseline="0">
          <a:solidFill>
            <a:schemeClr val="tx1"/>
          </a:solidFill>
          <a:latin typeface="+mn-lt"/>
          <a:ea typeface="+mn-ea"/>
          <a:cs typeface="+mn-cs"/>
        </a:defRPr>
      </a:lvl8pPr>
      <a:lvl9pPr marL="2148840" indent="-182880" algn="l" rtl="0" eaLnBrk="1" latinLnBrk="0" hangingPunct="1">
        <a:spcBef>
          <a:spcPts val="255"/>
        </a:spcBef>
        <a:buClr>
          <a:schemeClr val="accent3">
            <a:tint val="85000"/>
            <a:satMod val="275000"/>
          </a:schemeClr>
        </a:buClr>
        <a:buSzPct val="100000"/>
        <a:buFont typeface="Wingdings 2"/>
        <a:buChar char=""/>
        <a:defRPr kumimoji="0" sz="1500" kern="1200">
          <a:solidFill>
            <a:schemeClr val="tx1"/>
          </a:solidFill>
          <a:latin typeface="+mn-lt"/>
          <a:ea typeface="+mn-ea"/>
          <a:cs typeface="+mn-cs"/>
        </a:defRPr>
      </a:lvl9pPr>
      <a:extLst/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  <a:extLst/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image" Target="../media/image2.jpeg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7.xml"/><Relationship Id="rId2" Type="http://schemas.openxmlformats.org/officeDocument/2006/relationships/diagramData" Target="../diagrams/data7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7.xml"/><Relationship Id="rId5" Type="http://schemas.openxmlformats.org/officeDocument/2006/relationships/diagramColors" Target="../diagrams/colors7.xml"/><Relationship Id="rId4" Type="http://schemas.openxmlformats.org/officeDocument/2006/relationships/diagramQuickStyle" Target="../diagrams/quickStyle7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8.xml"/><Relationship Id="rId2" Type="http://schemas.openxmlformats.org/officeDocument/2006/relationships/diagramData" Target="../diagrams/data8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8.xml"/><Relationship Id="rId5" Type="http://schemas.openxmlformats.org/officeDocument/2006/relationships/diagramColors" Target="../diagrams/colors8.xml"/><Relationship Id="rId4" Type="http://schemas.openxmlformats.org/officeDocument/2006/relationships/diagramQuickStyle" Target="../diagrams/quickStyle8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2" Type="http://schemas.openxmlformats.org/officeDocument/2006/relationships/diagramData" Target="../diagrams/data1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1.xml"/><Relationship Id="rId5" Type="http://schemas.openxmlformats.org/officeDocument/2006/relationships/diagramColors" Target="../diagrams/colors1.xml"/><Relationship Id="rId4" Type="http://schemas.openxmlformats.org/officeDocument/2006/relationships/diagramQuickStyle" Target="../diagrams/quickStyle1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8" Type="http://schemas.microsoft.com/office/2007/relationships/diagramDrawing" Target="../diagrams/drawing9.xml"/><Relationship Id="rId3" Type="http://schemas.openxmlformats.org/officeDocument/2006/relationships/image" Target="../media/image18.png"/><Relationship Id="rId7" Type="http://schemas.openxmlformats.org/officeDocument/2006/relationships/diagramColors" Target="../diagrams/colors9.xml"/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2.xml"/><Relationship Id="rId6" Type="http://schemas.openxmlformats.org/officeDocument/2006/relationships/diagramQuickStyle" Target="../diagrams/quickStyle9.xml"/><Relationship Id="rId5" Type="http://schemas.openxmlformats.org/officeDocument/2006/relationships/diagramLayout" Target="../diagrams/layout9.xml"/><Relationship Id="rId4" Type="http://schemas.openxmlformats.org/officeDocument/2006/relationships/diagramData" Target="../diagrams/data9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0.xml"/><Relationship Id="rId2" Type="http://schemas.openxmlformats.org/officeDocument/2006/relationships/diagramData" Target="../diagrams/data10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10.xml"/><Relationship Id="rId5" Type="http://schemas.openxmlformats.org/officeDocument/2006/relationships/diagramColors" Target="../diagrams/colors10.xml"/><Relationship Id="rId4" Type="http://schemas.openxmlformats.org/officeDocument/2006/relationships/diagramQuickStyle" Target="../diagrams/quickStyle10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1.xml"/><Relationship Id="rId2" Type="http://schemas.openxmlformats.org/officeDocument/2006/relationships/diagramData" Target="../diagrams/data11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11.xml"/><Relationship Id="rId5" Type="http://schemas.openxmlformats.org/officeDocument/2006/relationships/diagramColors" Target="../diagrams/colors11.xml"/><Relationship Id="rId4" Type="http://schemas.openxmlformats.org/officeDocument/2006/relationships/diagramQuickStyle" Target="../diagrams/quickStyle11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jpe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2.xml"/><Relationship Id="rId2" Type="http://schemas.openxmlformats.org/officeDocument/2006/relationships/diagramData" Target="../diagrams/data2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2.xml"/><Relationship Id="rId5" Type="http://schemas.openxmlformats.org/officeDocument/2006/relationships/diagramColors" Target="../diagrams/colors2.xml"/><Relationship Id="rId4" Type="http://schemas.openxmlformats.org/officeDocument/2006/relationships/diagramQuickStyle" Target="../diagrams/quickStyle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3.xml"/><Relationship Id="rId2" Type="http://schemas.openxmlformats.org/officeDocument/2006/relationships/diagramData" Target="../diagrams/data3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3.xml"/><Relationship Id="rId5" Type="http://schemas.openxmlformats.org/officeDocument/2006/relationships/diagramColors" Target="../diagrams/colors3.xml"/><Relationship Id="rId4" Type="http://schemas.openxmlformats.org/officeDocument/2006/relationships/diagramQuickStyle" Target="../diagrams/quickStyle3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4.xml"/><Relationship Id="rId2" Type="http://schemas.openxmlformats.org/officeDocument/2006/relationships/diagramData" Target="../diagrams/data4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4.xml"/><Relationship Id="rId5" Type="http://schemas.openxmlformats.org/officeDocument/2006/relationships/diagramColors" Target="../diagrams/colors4.xml"/><Relationship Id="rId4" Type="http://schemas.openxmlformats.org/officeDocument/2006/relationships/diagramQuickStyle" Target="../diagrams/quickStyle4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5.xml"/><Relationship Id="rId2" Type="http://schemas.openxmlformats.org/officeDocument/2006/relationships/diagramData" Target="../diagrams/data5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5.xml"/><Relationship Id="rId5" Type="http://schemas.openxmlformats.org/officeDocument/2006/relationships/diagramColors" Target="../diagrams/colors5.xml"/><Relationship Id="rId4" Type="http://schemas.openxmlformats.org/officeDocument/2006/relationships/diagramQuickStyle" Target="../diagrams/quickStyle5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6.xml"/><Relationship Id="rId2" Type="http://schemas.openxmlformats.org/officeDocument/2006/relationships/diagramData" Target="../diagrams/data6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6.xml"/><Relationship Id="rId5" Type="http://schemas.openxmlformats.org/officeDocument/2006/relationships/diagramColors" Target="../diagrams/colors6.xml"/><Relationship Id="rId4" Type="http://schemas.openxmlformats.org/officeDocument/2006/relationships/diagramQuickStyle" Target="../diagrams/quickStyle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6">
            <a:lumMod val="20000"/>
            <a:lumOff val="80000"/>
            <a:alpha val="5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755576" y="692696"/>
            <a:ext cx="7772400" cy="1800200"/>
          </a:xfrm>
        </p:spPr>
        <p:txBody>
          <a:bodyPr>
            <a:normAutofit fontScale="90000"/>
          </a:bodyPr>
          <a:lstStyle/>
          <a:p>
            <a:pPr algn="ctr"/>
            <a:r>
              <a:rPr lang="ru-RU" dirty="0" smtClean="0">
                <a:solidFill>
                  <a:srgbClr val="0843B8"/>
                </a:solidFill>
              </a:rPr>
              <a:t>Опыт разработки </a:t>
            </a:r>
            <a:r>
              <a:rPr lang="ru-RU" dirty="0" smtClean="0">
                <a:solidFill>
                  <a:srgbClr val="0843B8"/>
                </a:solidFill>
              </a:rPr>
              <a:t>МООК </a:t>
            </a:r>
            <a:r>
              <a:rPr lang="ru-RU" dirty="0" smtClean="0">
                <a:solidFill>
                  <a:srgbClr val="0843B8"/>
                </a:solidFill>
              </a:rPr>
              <a:t>в университете Адам</a:t>
            </a:r>
            <a:endParaRPr lang="ru-RU" dirty="0">
              <a:solidFill>
                <a:srgbClr val="0843B8"/>
              </a:solidFill>
            </a:endParaRPr>
          </a:p>
        </p:txBody>
      </p:sp>
      <p:pic>
        <p:nvPicPr>
          <p:cNvPr id="1026" name="Рисунок 5" descr="C:\Users\Маслова_МО\Desktop\Logo ADAM.jpg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6944226" y="4077072"/>
            <a:ext cx="1296143" cy="80435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3" name="Рисунок 6" descr="C:\Users\Lotos\Downloads\biom_visit card-06.jp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55576" y="4077072"/>
            <a:ext cx="2016224" cy="73459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grpSp>
        <p:nvGrpSpPr>
          <p:cNvPr id="1027" name="Группа 4"/>
          <p:cNvGrpSpPr>
            <a:grpSpLocks/>
          </p:cNvGrpSpPr>
          <p:nvPr/>
        </p:nvGrpSpPr>
        <p:grpSpPr bwMode="auto">
          <a:xfrm>
            <a:off x="3563888" y="3573016"/>
            <a:ext cx="2160240" cy="1800200"/>
            <a:chOff x="0" y="0"/>
            <a:chExt cx="1485900" cy="1291580"/>
          </a:xfrm>
        </p:grpSpPr>
        <p:pic>
          <p:nvPicPr>
            <p:cNvPr id="4" name="Picture 9" descr="gerb"/>
            <p:cNvPicPr>
              <a:picLocks noChangeAspect="1"/>
            </p:cNvPicPr>
            <p:nvPr/>
          </p:nvPicPr>
          <p:blipFill>
            <a:blip r:embed="rId4" cstate="print"/>
            <a:srcRect/>
            <a:stretch>
              <a:fillRect/>
            </a:stretch>
          </p:blipFill>
          <p:spPr bwMode="auto">
            <a:xfrm>
              <a:off x="295275" y="0"/>
              <a:ext cx="891540" cy="887095"/>
            </a:xfrm>
            <a:prstGeom prst="rect">
              <a:avLst/>
            </a:prstGeom>
            <a:noFill/>
          </p:spPr>
        </p:pic>
        <p:sp>
          <p:nvSpPr>
            <p:cNvPr id="5" name="Text Box 10"/>
            <p:cNvSpPr txBox="1">
              <a:spLocks noChangeArrowheads="1"/>
            </p:cNvSpPr>
            <p:nvPr/>
          </p:nvSpPr>
          <p:spPr bwMode="auto">
            <a:xfrm>
              <a:off x="0" y="847725"/>
              <a:ext cx="1485900" cy="443855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pPr marL="0" marR="0" lvl="0" indent="0" algn="ctr" defTabSz="914400" rtl="0" eaLnBrk="1" fontAlgn="base" latinLnBrk="0" hangingPunct="1">
                <a:lnSpc>
                  <a:spcPct val="100000"/>
                </a:lnSpc>
                <a:spcBef>
                  <a:spcPct val="0"/>
                </a:spcBef>
                <a:buClrTx/>
                <a:buSzTx/>
                <a:buFontTx/>
                <a:buNone/>
                <a:tabLst/>
              </a:pPr>
              <a:r>
                <a:rPr kumimoji="0" lang="ru-RU" sz="900" b="1" i="0" u="none" strike="noStrike" cap="none" normalizeH="0" baseline="0" dirty="0" smtClean="0">
                  <a:ln>
                    <a:noFill/>
                  </a:ln>
                  <a:solidFill>
                    <a:srgbClr val="0843B8"/>
                  </a:solidFill>
                  <a:effectLst/>
                  <a:latin typeface="Arial" pitchFamily="34" charset="0"/>
                  <a:cs typeface="Arial" pitchFamily="34" charset="0"/>
                </a:rPr>
                <a:t>Министерство </a:t>
              </a:r>
            </a:p>
            <a:p>
              <a:pPr marL="0" marR="0" lvl="0" indent="0" algn="ctr" defTabSz="914400" rtl="0" eaLnBrk="1" fontAlgn="base" latinLnBrk="0" hangingPunct="1">
                <a:lnSpc>
                  <a:spcPct val="100000"/>
                </a:lnSpc>
                <a:spcBef>
                  <a:spcPct val="0"/>
                </a:spcBef>
                <a:buClrTx/>
                <a:buSzTx/>
                <a:buFontTx/>
                <a:buNone/>
                <a:tabLst/>
              </a:pPr>
              <a:r>
                <a:rPr kumimoji="0" lang="ru-RU" sz="900" b="1" i="0" u="none" strike="noStrike" cap="none" normalizeH="0" baseline="0" dirty="0" smtClean="0">
                  <a:ln>
                    <a:noFill/>
                  </a:ln>
                  <a:solidFill>
                    <a:srgbClr val="0843B8"/>
                  </a:solidFill>
                  <a:effectLst/>
                  <a:latin typeface="Arial" pitchFamily="34" charset="0"/>
                  <a:cs typeface="Arial" pitchFamily="34" charset="0"/>
                </a:rPr>
                <a:t>образования и науки  </a:t>
              </a:r>
            </a:p>
            <a:p>
              <a:pPr marL="0" marR="0" lvl="0" indent="0" algn="ctr" defTabSz="914400" rtl="0" eaLnBrk="1" fontAlgn="base" latinLnBrk="0" hangingPunct="1">
                <a:lnSpc>
                  <a:spcPct val="100000"/>
                </a:lnSpc>
                <a:spcBef>
                  <a:spcPct val="0"/>
                </a:spcBef>
                <a:buClrTx/>
                <a:buSzTx/>
                <a:buFontTx/>
                <a:buNone/>
                <a:tabLst/>
              </a:pPr>
              <a:r>
                <a:rPr kumimoji="0" lang="ru-RU" sz="900" b="1" i="0" u="none" strike="noStrike" cap="none" normalizeH="0" baseline="0" dirty="0" err="1" smtClean="0">
                  <a:ln>
                    <a:noFill/>
                  </a:ln>
                  <a:solidFill>
                    <a:srgbClr val="0843B8"/>
                  </a:solidFill>
                  <a:effectLst/>
                  <a:latin typeface="Arial" pitchFamily="34" charset="0"/>
                  <a:cs typeface="Arial" pitchFamily="34" charset="0"/>
                </a:rPr>
                <a:t>Кыргызской</a:t>
              </a:r>
              <a:r>
                <a:rPr kumimoji="0" lang="ru-RU" sz="900" b="1" i="0" u="none" strike="noStrike" cap="none" normalizeH="0" baseline="0" dirty="0" smtClean="0">
                  <a:ln>
                    <a:noFill/>
                  </a:ln>
                  <a:solidFill>
                    <a:srgbClr val="0843B8"/>
                  </a:solidFill>
                  <a:effectLst/>
                  <a:latin typeface="Arial" pitchFamily="34" charset="0"/>
                  <a:cs typeface="Arial" pitchFamily="34" charset="0"/>
                </a:rPr>
                <a:t> Республики </a:t>
              </a:r>
            </a:p>
          </p:txBody>
        </p:sp>
      </p:grpSp>
      <p:sp>
        <p:nvSpPr>
          <p:cNvPr id="8" name="Заголовок 1"/>
          <p:cNvSpPr txBox="1">
            <a:spLocks/>
          </p:cNvSpPr>
          <p:nvPr/>
        </p:nvSpPr>
        <p:spPr>
          <a:xfrm>
            <a:off x="755576" y="5661248"/>
            <a:ext cx="7772400" cy="720080"/>
          </a:xfrm>
          <a:prstGeom prst="rect">
            <a:avLst/>
          </a:prstGeom>
        </p:spPr>
        <p:txBody>
          <a:bodyPr vert="horz" lIns="45720" rIns="45720" bIns="45720" anchor="b">
            <a:normAutofit fontScale="97500"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b="1" i="0" u="none" strike="noStrike" kern="1200" cap="none" spc="0" normalizeH="0" baseline="0" noProof="0" dirty="0" smtClean="0">
                <a:ln>
                  <a:noFill/>
                </a:ln>
                <a:solidFill>
                  <a:srgbClr val="0843B8"/>
                </a:solidFill>
                <a:uLnTx/>
                <a:uFillTx/>
                <a:latin typeface="+mj-lt"/>
                <a:ea typeface="+mj-ea"/>
                <a:cs typeface="+mj-cs"/>
              </a:rPr>
              <a:t>«Цифровой Кыргызстан: университеты как драйверы развития</a:t>
            </a:r>
            <a:r>
              <a:rPr kumimoji="0" lang="ru-RU" b="1" i="0" u="none" strike="noStrike" kern="1200" cap="none" spc="0" normalizeH="0" noProof="0" dirty="0" smtClean="0">
                <a:ln>
                  <a:noFill/>
                </a:ln>
                <a:solidFill>
                  <a:srgbClr val="0843B8"/>
                </a:solidFill>
                <a:uLnTx/>
                <a:uFillTx/>
                <a:latin typeface="+mj-lt"/>
                <a:ea typeface="+mj-ea"/>
                <a:cs typeface="+mj-cs"/>
              </a:rPr>
              <a:t> навыков для будущего</a:t>
            </a:r>
            <a:r>
              <a:rPr kumimoji="0" lang="ru-RU" b="1" i="0" u="none" strike="noStrike" kern="1200" cap="none" spc="0" normalizeH="0" baseline="0" noProof="0" dirty="0" smtClean="0">
                <a:ln>
                  <a:noFill/>
                </a:ln>
                <a:solidFill>
                  <a:srgbClr val="0843B8"/>
                </a:solidFill>
                <a:uLnTx/>
                <a:uFillTx/>
                <a:latin typeface="+mj-lt"/>
                <a:ea typeface="+mj-ea"/>
                <a:cs typeface="+mj-cs"/>
              </a:rPr>
              <a:t>»</a:t>
            </a:r>
            <a:endParaRPr kumimoji="0" lang="ru-RU" b="1" i="0" u="none" strike="noStrike" kern="1200" cap="none" spc="0" normalizeH="0" baseline="0" noProof="0" dirty="0">
              <a:ln>
                <a:noFill/>
              </a:ln>
              <a:solidFill>
                <a:srgbClr val="0843B8"/>
              </a:solidFill>
              <a:uLnTx/>
              <a:uFillTx/>
              <a:latin typeface="+mj-lt"/>
              <a:ea typeface="+mj-ea"/>
              <a:cs typeface="+mj-cs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67544" y="980728"/>
            <a:ext cx="8183880" cy="792088"/>
          </a:xfrm>
        </p:spPr>
        <p:txBody>
          <a:bodyPr>
            <a:normAutofit fontScale="90000"/>
          </a:bodyPr>
          <a:lstStyle/>
          <a:p>
            <a:pPr algn="ctr"/>
            <a:r>
              <a:rPr lang="ru-RU" sz="2800" dirty="0" smtClean="0">
                <a:solidFill>
                  <a:srgbClr val="0843B8"/>
                </a:solidFill>
              </a:rPr>
              <a:t>Курсы </a:t>
            </a:r>
            <a:r>
              <a:rPr lang="ru-RU" sz="2800" dirty="0" smtClean="0">
                <a:solidFill>
                  <a:srgbClr val="0843B8"/>
                </a:solidFill>
              </a:rPr>
              <a:t>МООК </a:t>
            </a:r>
            <a:r>
              <a:rPr lang="ru-RU" sz="2800" dirty="0" smtClean="0">
                <a:solidFill>
                  <a:srgbClr val="0843B8"/>
                </a:solidFill>
              </a:rPr>
              <a:t>в университете Адам</a:t>
            </a:r>
            <a:br>
              <a:rPr lang="ru-RU" sz="2800" dirty="0" smtClean="0">
                <a:solidFill>
                  <a:srgbClr val="0843B8"/>
                </a:solidFill>
              </a:rPr>
            </a:br>
            <a:r>
              <a:rPr lang="ru-RU" sz="2800" i="1" dirty="0" smtClean="0">
                <a:solidFill>
                  <a:srgbClr val="0843B8"/>
                </a:solidFill>
              </a:rPr>
              <a:t/>
            </a:r>
            <a:br>
              <a:rPr lang="ru-RU" sz="2800" i="1" dirty="0" smtClean="0">
                <a:solidFill>
                  <a:srgbClr val="0843B8"/>
                </a:solidFill>
              </a:rPr>
            </a:br>
            <a:endParaRPr lang="ru-RU" sz="2800" dirty="0">
              <a:solidFill>
                <a:srgbClr val="0843B8"/>
              </a:solidFill>
            </a:endParaRPr>
          </a:p>
        </p:txBody>
      </p:sp>
      <p:graphicFrame>
        <p:nvGraphicFramePr>
          <p:cNvPr id="4" name="Содержимое 3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459802651"/>
              </p:ext>
            </p:extLst>
          </p:nvPr>
        </p:nvGraphicFramePr>
        <p:xfrm>
          <a:off x="467544" y="1484784"/>
          <a:ext cx="8183562" cy="4752975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5004048" y="1772816"/>
            <a:ext cx="3672408" cy="3744416"/>
          </a:xfrm>
        </p:spPr>
        <p:txBody>
          <a:bodyPr>
            <a:normAutofit lnSpcReduction="10000"/>
          </a:bodyPr>
          <a:lstStyle/>
          <a:p>
            <a:pPr marL="0" indent="0" algn="just">
              <a:lnSpc>
                <a:spcPct val="120000"/>
              </a:lnSpc>
              <a:spcBef>
                <a:spcPts val="0"/>
              </a:spcBef>
              <a:buNone/>
            </a:pPr>
            <a:r>
              <a:rPr lang="ru-RU" sz="1600" b="1" dirty="0" smtClean="0">
                <a:solidFill>
                  <a:srgbClr val="0843B8"/>
                </a:solidFill>
              </a:rPr>
              <a:t>Целью курса является повышение компетенций администраций образовательных организаций и органов местного самоуправления в использовании инструментов обеспечения финансовой безопасности образовательной организации, процессов управления финансовыми средствами.</a:t>
            </a:r>
            <a:endParaRPr lang="ru-RU" sz="1600" b="1" dirty="0">
              <a:solidFill>
                <a:srgbClr val="0843B8"/>
              </a:solidFill>
            </a:endParaRPr>
          </a:p>
        </p:txBody>
      </p:sp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67544" y="0"/>
            <a:ext cx="8183880" cy="1152128"/>
          </a:xfrm>
        </p:spPr>
        <p:txBody>
          <a:bodyPr>
            <a:normAutofit fontScale="90000"/>
          </a:bodyPr>
          <a:lstStyle/>
          <a:p>
            <a:pPr algn="ctr"/>
            <a:r>
              <a:rPr lang="ru-RU" sz="2200" dirty="0" smtClean="0">
                <a:solidFill>
                  <a:srgbClr val="0843B8"/>
                </a:solidFill>
              </a:rPr>
              <a:t>Курс: </a:t>
            </a:r>
            <a:r>
              <a:rPr lang="ru-RU" sz="2400" dirty="0" smtClean="0">
                <a:solidFill>
                  <a:srgbClr val="0843B8"/>
                </a:solidFill>
              </a:rPr>
              <a:t>Финансовые аспекты безопасности образовательных организаций. 1С: Бухгалтерия</a:t>
            </a:r>
            <a:endParaRPr lang="ru-RU" sz="2800" dirty="0">
              <a:solidFill>
                <a:srgbClr val="0843B8"/>
              </a:solidFill>
            </a:endParaRPr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2" cstate="print"/>
          <a:srcRect l="525" b="5081"/>
          <a:stretch>
            <a:fillRect/>
          </a:stretch>
        </p:blipFill>
        <p:spPr bwMode="auto">
          <a:xfrm>
            <a:off x="395536" y="1700808"/>
            <a:ext cx="4680519" cy="381642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extLst>
      <p:ext uri="{BB962C8B-B14F-4D97-AF65-F5344CB8AC3E}">
        <p14:creationId xmlns:p14="http://schemas.microsoft.com/office/powerpoint/2010/main" val="40476381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4788024" y="1988840"/>
            <a:ext cx="3888432" cy="3744416"/>
          </a:xfrm>
        </p:spPr>
        <p:txBody>
          <a:bodyPr>
            <a:normAutofit fontScale="92500"/>
          </a:bodyPr>
          <a:lstStyle/>
          <a:p>
            <a:pPr marL="0" indent="0" algn="just">
              <a:lnSpc>
                <a:spcPct val="120000"/>
              </a:lnSpc>
              <a:spcBef>
                <a:spcPts val="0"/>
              </a:spcBef>
              <a:buNone/>
            </a:pPr>
            <a:r>
              <a:rPr lang="ru-RU" sz="1600" b="1" dirty="0" smtClean="0">
                <a:solidFill>
                  <a:srgbClr val="0843B8"/>
                </a:solidFill>
              </a:rPr>
              <a:t>Целью курса является формирование у представителей администрации образовательных организаций основных навыков принятия решений по закупке товаров и услуг с учетом всех аспектов безопасности образовательной среды, в том числе санитарно-гигиенических требований и требований к качеству продукции.</a:t>
            </a:r>
            <a:endParaRPr lang="ru-RU" sz="1600" b="1" dirty="0">
              <a:solidFill>
                <a:srgbClr val="0843B8"/>
              </a:solidFill>
            </a:endParaRPr>
          </a:p>
        </p:txBody>
      </p:sp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67544" y="548680"/>
            <a:ext cx="8183880" cy="1152128"/>
          </a:xfrm>
        </p:spPr>
        <p:txBody>
          <a:bodyPr>
            <a:normAutofit/>
          </a:bodyPr>
          <a:lstStyle/>
          <a:p>
            <a:pPr algn="ctr"/>
            <a:r>
              <a:rPr lang="ru-RU" sz="2200" dirty="0" smtClean="0">
                <a:solidFill>
                  <a:srgbClr val="0843B8"/>
                </a:solidFill>
              </a:rPr>
              <a:t>Курс: Управление безопасными закупками и финансированием безопасной образовательной среды</a:t>
            </a:r>
            <a:endParaRPr lang="ru-RU" sz="2800" dirty="0">
              <a:solidFill>
                <a:srgbClr val="0843B8"/>
              </a:solidFill>
            </a:endParaRPr>
          </a:p>
        </p:txBody>
      </p:sp>
      <p:pic>
        <p:nvPicPr>
          <p:cNvPr id="2" name="Picture 2"/>
          <p:cNvPicPr>
            <a:picLocks noChangeAspect="1" noChangeArrowheads="1"/>
          </p:cNvPicPr>
          <p:nvPr/>
        </p:nvPicPr>
        <p:blipFill>
          <a:blip r:embed="rId2" cstate="print"/>
          <a:srcRect l="1050" b="4241"/>
          <a:stretch>
            <a:fillRect/>
          </a:stretch>
        </p:blipFill>
        <p:spPr bwMode="auto">
          <a:xfrm>
            <a:off x="395536" y="1988840"/>
            <a:ext cx="4285888" cy="331236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5364088" y="1628800"/>
            <a:ext cx="3312368" cy="3888432"/>
          </a:xfrm>
        </p:spPr>
        <p:txBody>
          <a:bodyPr>
            <a:normAutofit/>
          </a:bodyPr>
          <a:lstStyle/>
          <a:p>
            <a:pPr marL="0" indent="0" algn="just">
              <a:lnSpc>
                <a:spcPct val="120000"/>
              </a:lnSpc>
              <a:spcBef>
                <a:spcPts val="0"/>
              </a:spcBef>
              <a:buNone/>
            </a:pPr>
            <a:r>
              <a:rPr lang="ru-RU" sz="1600" b="1" dirty="0" smtClean="0">
                <a:solidFill>
                  <a:srgbClr val="0843B8"/>
                </a:solidFill>
              </a:rPr>
              <a:t>Целью курса является ознакомление с теоретическими основами и методологическими инструментами построения и развития психологически безопасной образовательной среды, а также формирование навыков их применения.</a:t>
            </a:r>
            <a:endParaRPr lang="ru-RU" sz="1600" b="1" dirty="0">
              <a:solidFill>
                <a:srgbClr val="0843B8"/>
              </a:solidFill>
            </a:endParaRPr>
          </a:p>
        </p:txBody>
      </p:sp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67544" y="0"/>
            <a:ext cx="8183880" cy="1152128"/>
          </a:xfrm>
        </p:spPr>
        <p:txBody>
          <a:bodyPr>
            <a:normAutofit/>
          </a:bodyPr>
          <a:lstStyle/>
          <a:p>
            <a:pPr algn="ctr"/>
            <a:r>
              <a:rPr lang="ru-RU" sz="2200" dirty="0" smtClean="0">
                <a:solidFill>
                  <a:srgbClr val="0843B8"/>
                </a:solidFill>
              </a:rPr>
              <a:t>Курс: Психологическая безопасность образовательной деятельности</a:t>
            </a:r>
            <a:endParaRPr lang="ru-RU" sz="2200" dirty="0">
              <a:solidFill>
                <a:srgbClr val="0843B8"/>
              </a:solidFill>
            </a:endParaRPr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2" cstate="print"/>
          <a:srcRect b="4241"/>
          <a:stretch>
            <a:fillRect/>
          </a:stretch>
        </p:blipFill>
        <p:spPr bwMode="auto">
          <a:xfrm>
            <a:off x="323528" y="1628800"/>
            <a:ext cx="5026887" cy="38884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5508104" y="1412776"/>
            <a:ext cx="3168352" cy="4608512"/>
          </a:xfrm>
        </p:spPr>
        <p:txBody>
          <a:bodyPr>
            <a:normAutofit/>
          </a:bodyPr>
          <a:lstStyle/>
          <a:p>
            <a:pPr marL="0" indent="0" algn="just">
              <a:lnSpc>
                <a:spcPct val="114000"/>
              </a:lnSpc>
              <a:spcBef>
                <a:spcPts val="0"/>
              </a:spcBef>
              <a:buNone/>
            </a:pPr>
            <a:r>
              <a:rPr lang="ru-RU" sz="1600" b="1" dirty="0" smtClean="0">
                <a:solidFill>
                  <a:srgbClr val="0843B8"/>
                </a:solidFill>
              </a:rPr>
              <a:t>Целью курса является формирование компетенций, направленных на создание физически и экологически безопасной среды для сохранения жизни и здоровья обучающихся, сотрудников и материальных ценностей, в том числе при возникновении пожаров, аварий и других чрезвычайных ситуации.</a:t>
            </a:r>
            <a:endParaRPr lang="ru-RU" sz="1600" b="1" dirty="0">
              <a:solidFill>
                <a:srgbClr val="0843B8"/>
              </a:solidFill>
            </a:endParaRPr>
          </a:p>
        </p:txBody>
      </p:sp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67544" y="0"/>
            <a:ext cx="8183880" cy="1152128"/>
          </a:xfrm>
        </p:spPr>
        <p:txBody>
          <a:bodyPr>
            <a:normAutofit/>
          </a:bodyPr>
          <a:lstStyle/>
          <a:p>
            <a:pPr algn="ctr"/>
            <a:r>
              <a:rPr lang="ru-RU" sz="2200" dirty="0" smtClean="0">
                <a:solidFill>
                  <a:srgbClr val="0843B8"/>
                </a:solidFill>
              </a:rPr>
              <a:t>Курс: Физическая безопасность образовательной среды</a:t>
            </a:r>
            <a:endParaRPr lang="ru-RU" sz="2200" dirty="0">
              <a:solidFill>
                <a:srgbClr val="0843B8"/>
              </a:solidFill>
            </a:endParaRPr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2" cstate="print"/>
          <a:srcRect b="5081"/>
          <a:stretch>
            <a:fillRect/>
          </a:stretch>
        </p:blipFill>
        <p:spPr bwMode="auto">
          <a:xfrm>
            <a:off x="323528" y="1412776"/>
            <a:ext cx="5184576" cy="453650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5580112" y="1556792"/>
            <a:ext cx="3096344" cy="4032448"/>
          </a:xfrm>
        </p:spPr>
        <p:txBody>
          <a:bodyPr>
            <a:normAutofit/>
          </a:bodyPr>
          <a:lstStyle/>
          <a:p>
            <a:pPr marL="0" indent="0" algn="just">
              <a:lnSpc>
                <a:spcPct val="120000"/>
              </a:lnSpc>
              <a:spcBef>
                <a:spcPts val="0"/>
              </a:spcBef>
              <a:buNone/>
            </a:pPr>
            <a:r>
              <a:rPr lang="ru-RU" sz="1600" b="1" dirty="0" smtClean="0">
                <a:solidFill>
                  <a:srgbClr val="0843B8"/>
                </a:solidFill>
              </a:rPr>
              <a:t>Целью курса призван оказать помощь в повышении компетентности в вопросах организации школьного питания и инструментов преодоления современных рисков, связанных с обеспечением пищевой безопасности.</a:t>
            </a:r>
            <a:endParaRPr lang="ru-RU" sz="1600" b="1" dirty="0">
              <a:solidFill>
                <a:srgbClr val="0843B8"/>
              </a:solidFill>
            </a:endParaRPr>
          </a:p>
        </p:txBody>
      </p:sp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67544" y="0"/>
            <a:ext cx="8183880" cy="1152128"/>
          </a:xfrm>
        </p:spPr>
        <p:txBody>
          <a:bodyPr>
            <a:normAutofit/>
          </a:bodyPr>
          <a:lstStyle/>
          <a:p>
            <a:pPr algn="ctr"/>
            <a:r>
              <a:rPr lang="ru-RU" sz="2200" dirty="0" smtClean="0">
                <a:solidFill>
                  <a:srgbClr val="0843B8"/>
                </a:solidFill>
              </a:rPr>
              <a:t>Курс: Пищевая безопасность образовательной организации</a:t>
            </a:r>
            <a:endParaRPr lang="ru-RU" sz="2200" dirty="0">
              <a:solidFill>
                <a:srgbClr val="0843B8"/>
              </a:solidFill>
            </a:endParaRPr>
          </a:p>
        </p:txBody>
      </p:sp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2" cstate="print"/>
          <a:srcRect b="4241"/>
          <a:stretch>
            <a:fillRect/>
          </a:stretch>
        </p:blipFill>
        <p:spPr bwMode="auto">
          <a:xfrm>
            <a:off x="395536" y="1268760"/>
            <a:ext cx="5184576" cy="504056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467544" y="1700808"/>
            <a:ext cx="8208912" cy="4320480"/>
          </a:xfrm>
        </p:spPr>
        <p:txBody>
          <a:bodyPr>
            <a:normAutofit/>
          </a:bodyPr>
          <a:lstStyle/>
          <a:p>
            <a:pPr algn="just">
              <a:lnSpc>
                <a:spcPct val="134000"/>
              </a:lnSpc>
              <a:spcBef>
                <a:spcPts val="0"/>
              </a:spcBef>
              <a:spcAft>
                <a:spcPts val="1000"/>
              </a:spcAft>
              <a:buClr>
                <a:srgbClr val="0843B8"/>
              </a:buClr>
              <a:buFontTx/>
              <a:buChar char="-"/>
            </a:pPr>
            <a:r>
              <a:rPr lang="ru-RU" sz="2000" b="1" dirty="0" smtClean="0">
                <a:solidFill>
                  <a:srgbClr val="0843B8"/>
                </a:solidFill>
              </a:rPr>
              <a:t>Любая </a:t>
            </a:r>
            <a:r>
              <a:rPr lang="ru-RU" sz="2000" b="1" dirty="0">
                <a:solidFill>
                  <a:srgbClr val="0843B8"/>
                </a:solidFill>
              </a:rPr>
              <a:t>организация – государственная или коммерческая, не зависимо от рода деятельности и </a:t>
            </a:r>
            <a:r>
              <a:rPr lang="ru-RU" sz="2000" b="1" dirty="0" smtClean="0">
                <a:solidFill>
                  <a:srgbClr val="0843B8"/>
                </a:solidFill>
              </a:rPr>
              <a:t>масштаба,</a:t>
            </a:r>
            <a:r>
              <a:rPr lang="ru-RU" sz="2000" b="1" dirty="0">
                <a:solidFill>
                  <a:srgbClr val="0843B8"/>
                </a:solidFill>
              </a:rPr>
              <a:t> имеет структуру отвечающая </a:t>
            </a:r>
            <a:r>
              <a:rPr lang="ru-RU" sz="2000" b="1" dirty="0" smtClean="0">
                <a:solidFill>
                  <a:srgbClr val="0843B8"/>
                </a:solidFill>
              </a:rPr>
              <a:t>которая отвечает за финансовый учет</a:t>
            </a:r>
            <a:endParaRPr lang="ru-RU" sz="2000" b="1" dirty="0" smtClean="0">
              <a:solidFill>
                <a:srgbClr val="0843B8"/>
              </a:solidFill>
            </a:endParaRPr>
          </a:p>
          <a:p>
            <a:pPr algn="just">
              <a:lnSpc>
                <a:spcPct val="134000"/>
              </a:lnSpc>
              <a:spcBef>
                <a:spcPts val="0"/>
              </a:spcBef>
              <a:spcAft>
                <a:spcPts val="1000"/>
              </a:spcAft>
              <a:buClr>
                <a:srgbClr val="0843B8"/>
              </a:buClr>
              <a:buFontTx/>
              <a:buChar char="-"/>
            </a:pPr>
            <a:r>
              <a:rPr lang="ru-RU" sz="2000" b="1" dirty="0" smtClean="0">
                <a:solidFill>
                  <a:srgbClr val="0843B8"/>
                </a:solidFill>
              </a:rPr>
              <a:t>Существующие качественные курсы имеют высокую стоимость</a:t>
            </a:r>
          </a:p>
          <a:p>
            <a:pPr algn="just">
              <a:lnSpc>
                <a:spcPct val="134000"/>
              </a:lnSpc>
              <a:spcBef>
                <a:spcPts val="0"/>
              </a:spcBef>
              <a:spcAft>
                <a:spcPts val="1000"/>
              </a:spcAft>
              <a:buClr>
                <a:srgbClr val="0843B8"/>
              </a:buClr>
              <a:buFontTx/>
              <a:buChar char="-"/>
            </a:pPr>
            <a:r>
              <a:rPr lang="ru-RU" sz="2000" b="1" dirty="0" smtClean="0">
                <a:solidFill>
                  <a:srgbClr val="0843B8"/>
                </a:solidFill>
              </a:rPr>
              <a:t>Бесплатные курсы не достаточно структурированы</a:t>
            </a:r>
          </a:p>
          <a:p>
            <a:pPr algn="just">
              <a:lnSpc>
                <a:spcPct val="134000"/>
              </a:lnSpc>
              <a:spcBef>
                <a:spcPts val="0"/>
              </a:spcBef>
              <a:spcAft>
                <a:spcPts val="1000"/>
              </a:spcAft>
              <a:buClr>
                <a:srgbClr val="0843B8"/>
              </a:buClr>
              <a:buFontTx/>
              <a:buChar char="-"/>
            </a:pPr>
            <a:r>
              <a:rPr lang="ru-RU" sz="2000" b="1" dirty="0" smtClean="0">
                <a:solidFill>
                  <a:srgbClr val="0843B8"/>
                </a:solidFill>
              </a:rPr>
              <a:t>Ограничение  доступа </a:t>
            </a:r>
            <a:r>
              <a:rPr lang="ru-RU" sz="2000" b="1" dirty="0" smtClean="0">
                <a:solidFill>
                  <a:srgbClr val="0843B8"/>
                </a:solidFill>
              </a:rPr>
              <a:t>для широкого </a:t>
            </a:r>
            <a:r>
              <a:rPr lang="ru-RU" sz="2000" b="1" dirty="0" smtClean="0">
                <a:solidFill>
                  <a:srgbClr val="0843B8"/>
                </a:solidFill>
              </a:rPr>
              <a:t>использования</a:t>
            </a:r>
            <a:endParaRPr lang="ru-RU" sz="1600" dirty="0" smtClean="0">
              <a:solidFill>
                <a:srgbClr val="0843B8"/>
              </a:solidFill>
            </a:endParaRPr>
          </a:p>
        </p:txBody>
      </p:sp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355110" y="476672"/>
            <a:ext cx="8183880" cy="963488"/>
          </a:xfrm>
        </p:spPr>
        <p:txBody>
          <a:bodyPr>
            <a:noAutofit/>
          </a:bodyPr>
          <a:lstStyle/>
          <a:p>
            <a:pPr algn="ctr"/>
            <a:r>
              <a:rPr lang="ru-RU" sz="2000" dirty="0" smtClean="0">
                <a:solidFill>
                  <a:srgbClr val="0D04BC"/>
                </a:solidFill>
              </a:rPr>
              <a:t>Выбор разработки курса </a:t>
            </a:r>
            <a:r>
              <a:rPr lang="ru-RU" sz="2000" dirty="0" smtClean="0">
                <a:solidFill>
                  <a:srgbClr val="0D04BC"/>
                </a:solidFill>
              </a:rPr>
              <a:t>МООК </a:t>
            </a:r>
            <a:r>
              <a:rPr lang="ru-RU" sz="2000" dirty="0" smtClean="0">
                <a:solidFill>
                  <a:srgbClr val="0D04BC"/>
                </a:solidFill>
              </a:rPr>
              <a:t>«</a:t>
            </a:r>
            <a:r>
              <a:rPr lang="ru-RU" sz="2000" i="1" dirty="0">
                <a:solidFill>
                  <a:srgbClr val="0D04BC"/>
                </a:solidFill>
              </a:rPr>
              <a:t>Финансовые аспекты безопасности образовательных организаций. 1С: Бухгалтерия</a:t>
            </a:r>
            <a:r>
              <a:rPr lang="ru-RU" sz="2000" dirty="0" smtClean="0">
                <a:solidFill>
                  <a:srgbClr val="0D04BC"/>
                </a:solidFill>
              </a:rPr>
              <a:t>»</a:t>
            </a:r>
            <a:endParaRPr lang="ru-RU" sz="2000" dirty="0">
              <a:solidFill>
                <a:srgbClr val="0D04BC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881476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323528" y="0"/>
            <a:ext cx="8496944" cy="1051560"/>
          </a:xfrm>
        </p:spPr>
        <p:txBody>
          <a:bodyPr>
            <a:normAutofit/>
          </a:bodyPr>
          <a:lstStyle/>
          <a:p>
            <a:pPr algn="ctr"/>
            <a:r>
              <a:rPr lang="ru-RU" sz="1700" dirty="0" smtClean="0">
                <a:solidFill>
                  <a:srgbClr val="0843B8"/>
                </a:solidFill>
              </a:rPr>
              <a:t>Структура курса на примере: </a:t>
            </a:r>
            <a:r>
              <a:rPr lang="ru-RU" sz="1700" i="1" dirty="0" smtClean="0">
                <a:solidFill>
                  <a:srgbClr val="0843B8"/>
                </a:solidFill>
              </a:rPr>
              <a:t>Финансовые аспекты безопасности образовательных организаций. 1С: Бухгалтерия</a:t>
            </a:r>
            <a:endParaRPr lang="ru-RU" sz="1700" i="1" dirty="0">
              <a:solidFill>
                <a:srgbClr val="0843B8"/>
              </a:solidFill>
            </a:endParaRPr>
          </a:p>
        </p:txBody>
      </p:sp>
      <p:graphicFrame>
        <p:nvGraphicFramePr>
          <p:cNvPr id="6" name="Схема 5"/>
          <p:cNvGraphicFramePr/>
          <p:nvPr>
            <p:extLst>
              <p:ext uri="{D42A27DB-BD31-4B8C-83A1-F6EECF244321}">
                <p14:modId xmlns:p14="http://schemas.microsoft.com/office/powerpoint/2010/main" val="3491879149"/>
              </p:ext>
            </p:extLst>
          </p:nvPr>
        </p:nvGraphicFramePr>
        <p:xfrm>
          <a:off x="395536" y="1268760"/>
          <a:ext cx="8352928" cy="5256584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67544" y="188640"/>
            <a:ext cx="8183880" cy="790912"/>
          </a:xfrm>
        </p:spPr>
        <p:txBody>
          <a:bodyPr>
            <a:normAutofit/>
          </a:bodyPr>
          <a:lstStyle/>
          <a:p>
            <a:pPr algn="ctr"/>
            <a:r>
              <a:rPr lang="ru-RU" sz="3000" dirty="0" smtClean="0">
                <a:solidFill>
                  <a:srgbClr val="0843B8"/>
                </a:solidFill>
              </a:rPr>
              <a:t>Пример открытого курса </a:t>
            </a:r>
            <a:endParaRPr lang="ru-RU" sz="3000" dirty="0">
              <a:solidFill>
                <a:srgbClr val="0843B8"/>
              </a:solidFill>
            </a:endParaRPr>
          </a:p>
        </p:txBody>
      </p:sp>
      <p:pic>
        <p:nvPicPr>
          <p:cNvPr id="3074" name="Рисунок 7"/>
          <p:cNvPicPr>
            <a:picLocks noChangeAspect="1" noChangeArrowheads="1"/>
          </p:cNvPicPr>
          <p:nvPr/>
        </p:nvPicPr>
        <p:blipFill>
          <a:blip r:embed="rId2" cstate="print"/>
          <a:srcRect t="3947" b="7895"/>
          <a:stretch>
            <a:fillRect/>
          </a:stretch>
        </p:blipFill>
        <p:spPr bwMode="auto">
          <a:xfrm>
            <a:off x="395536" y="980728"/>
            <a:ext cx="8331122" cy="54006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extLst>
      <p:ext uri="{BB962C8B-B14F-4D97-AF65-F5344CB8AC3E}">
        <p14:creationId xmlns:p14="http://schemas.microsoft.com/office/powerpoint/2010/main" val="330740919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67544" y="188640"/>
            <a:ext cx="8183880" cy="790912"/>
          </a:xfrm>
        </p:spPr>
        <p:txBody>
          <a:bodyPr>
            <a:normAutofit/>
          </a:bodyPr>
          <a:lstStyle/>
          <a:p>
            <a:pPr algn="ctr"/>
            <a:r>
              <a:rPr lang="ru-RU" sz="3000" dirty="0" smtClean="0">
                <a:solidFill>
                  <a:srgbClr val="0843B8"/>
                </a:solidFill>
              </a:rPr>
              <a:t>Регистрация на курс </a:t>
            </a:r>
            <a:endParaRPr lang="ru-RU" sz="3000" dirty="0">
              <a:solidFill>
                <a:srgbClr val="0843B8"/>
              </a:solidFill>
            </a:endParaRPr>
          </a:p>
        </p:txBody>
      </p:sp>
      <p:pic>
        <p:nvPicPr>
          <p:cNvPr id="5" name="Рисунок 4"/>
          <p:cNvPicPr/>
          <p:nvPr/>
        </p:nvPicPr>
        <p:blipFill rotWithShape="1">
          <a:blip r:embed="rId2" cstate="print"/>
          <a:srcRect b="6342"/>
          <a:stretch/>
        </p:blipFill>
        <p:spPr bwMode="auto">
          <a:xfrm>
            <a:off x="251520" y="1124744"/>
            <a:ext cx="8712968" cy="547260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extLst>
      <p:ext uri="{BB962C8B-B14F-4D97-AF65-F5344CB8AC3E}">
        <p14:creationId xmlns:p14="http://schemas.microsoft.com/office/powerpoint/2010/main" val="33613640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67544" y="188640"/>
            <a:ext cx="8183880" cy="1051560"/>
          </a:xfrm>
        </p:spPr>
        <p:txBody>
          <a:bodyPr/>
          <a:lstStyle/>
          <a:p>
            <a:pPr algn="ctr"/>
            <a:r>
              <a:rPr lang="ru-RU" dirty="0" smtClean="0">
                <a:solidFill>
                  <a:srgbClr val="0843B8"/>
                </a:solidFill>
              </a:rPr>
              <a:t>MOOК ?</a:t>
            </a:r>
            <a:endParaRPr lang="ru-RU" dirty="0">
              <a:solidFill>
                <a:srgbClr val="0843B8"/>
              </a:solidFill>
            </a:endParaRPr>
          </a:p>
        </p:txBody>
      </p:sp>
      <p:graphicFrame>
        <p:nvGraphicFramePr>
          <p:cNvPr id="6" name="Содержимое 5"/>
          <p:cNvGraphicFramePr>
            <a:graphicFrameLocks noGrp="1"/>
          </p:cNvGraphicFramePr>
          <p:nvPr>
            <p:ph idx="1"/>
          </p:nvPr>
        </p:nvGraphicFramePr>
        <p:xfrm>
          <a:off x="468313" y="1268761"/>
          <a:ext cx="8183562" cy="5184576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44056" y="188640"/>
            <a:ext cx="8183880" cy="790912"/>
          </a:xfrm>
        </p:spPr>
        <p:txBody>
          <a:bodyPr>
            <a:normAutofit/>
          </a:bodyPr>
          <a:lstStyle/>
          <a:p>
            <a:pPr algn="ctr"/>
            <a:r>
              <a:rPr lang="ru-RU" sz="3000" dirty="0" smtClean="0">
                <a:solidFill>
                  <a:srgbClr val="0843B8"/>
                </a:solidFill>
              </a:rPr>
              <a:t>Процесс обучения </a:t>
            </a:r>
            <a:endParaRPr lang="ru-RU" sz="3000" dirty="0">
              <a:solidFill>
                <a:srgbClr val="0843B8"/>
              </a:solidFill>
            </a:endParaRPr>
          </a:p>
        </p:txBody>
      </p:sp>
      <p:pic>
        <p:nvPicPr>
          <p:cNvPr id="6" name="Рисунок 5"/>
          <p:cNvPicPr/>
          <p:nvPr/>
        </p:nvPicPr>
        <p:blipFill rotWithShape="1">
          <a:blip r:embed="rId2" cstate="print"/>
          <a:srcRect b="4136"/>
          <a:stretch/>
        </p:blipFill>
        <p:spPr bwMode="auto">
          <a:xfrm>
            <a:off x="251520" y="1124744"/>
            <a:ext cx="8568952" cy="532859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extLst>
      <p:ext uri="{BB962C8B-B14F-4D97-AF65-F5344CB8AC3E}">
        <p14:creationId xmlns:p14="http://schemas.microsoft.com/office/powerpoint/2010/main" val="227875305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44056" y="188640"/>
            <a:ext cx="8183880" cy="790912"/>
          </a:xfrm>
        </p:spPr>
        <p:txBody>
          <a:bodyPr>
            <a:normAutofit/>
          </a:bodyPr>
          <a:lstStyle/>
          <a:p>
            <a:pPr algn="ctr"/>
            <a:r>
              <a:rPr lang="ru-RU" sz="3000" dirty="0" smtClean="0">
                <a:solidFill>
                  <a:srgbClr val="0843B8"/>
                </a:solidFill>
              </a:rPr>
              <a:t>Процесс обучения </a:t>
            </a:r>
            <a:endParaRPr lang="ru-RU" sz="3000" dirty="0">
              <a:solidFill>
                <a:srgbClr val="0843B8"/>
              </a:solidFill>
            </a:endParaRPr>
          </a:p>
        </p:txBody>
      </p:sp>
      <p:pic>
        <p:nvPicPr>
          <p:cNvPr id="5" name="Рисунок 4"/>
          <p:cNvPicPr/>
          <p:nvPr/>
        </p:nvPicPr>
        <p:blipFill rotWithShape="1">
          <a:blip r:embed="rId2" cstate="print"/>
          <a:srcRect b="4504"/>
          <a:stretch/>
        </p:blipFill>
        <p:spPr bwMode="auto">
          <a:xfrm>
            <a:off x="395536" y="1052736"/>
            <a:ext cx="8424936" cy="547260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extLst>
      <p:ext uri="{BB962C8B-B14F-4D97-AF65-F5344CB8AC3E}">
        <p14:creationId xmlns:p14="http://schemas.microsoft.com/office/powerpoint/2010/main" val="222535917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44056" y="188640"/>
            <a:ext cx="8183880" cy="790912"/>
          </a:xfrm>
        </p:spPr>
        <p:txBody>
          <a:bodyPr>
            <a:normAutofit/>
          </a:bodyPr>
          <a:lstStyle/>
          <a:p>
            <a:pPr algn="ctr"/>
            <a:r>
              <a:rPr lang="ru-RU" sz="3000" dirty="0" smtClean="0">
                <a:solidFill>
                  <a:srgbClr val="0843B8"/>
                </a:solidFill>
              </a:rPr>
              <a:t>Процесс обучения </a:t>
            </a:r>
            <a:endParaRPr lang="ru-RU" sz="3000" dirty="0">
              <a:solidFill>
                <a:srgbClr val="0843B8"/>
              </a:solidFill>
            </a:endParaRPr>
          </a:p>
        </p:txBody>
      </p:sp>
      <p:pic>
        <p:nvPicPr>
          <p:cNvPr id="6" name="Рисунок 5"/>
          <p:cNvPicPr/>
          <p:nvPr/>
        </p:nvPicPr>
        <p:blipFill rotWithShape="1">
          <a:blip r:embed="rId2" cstate="print"/>
          <a:srcRect b="4504"/>
          <a:stretch/>
        </p:blipFill>
        <p:spPr bwMode="auto">
          <a:xfrm>
            <a:off x="395536" y="1124744"/>
            <a:ext cx="8352928" cy="54006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extLst>
      <p:ext uri="{BB962C8B-B14F-4D97-AF65-F5344CB8AC3E}">
        <p14:creationId xmlns:p14="http://schemas.microsoft.com/office/powerpoint/2010/main" val="820060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467544" y="980728"/>
            <a:ext cx="8208912" cy="3888432"/>
          </a:xfrm>
        </p:spPr>
        <p:txBody>
          <a:bodyPr>
            <a:normAutofit/>
          </a:bodyPr>
          <a:lstStyle/>
          <a:p>
            <a:pPr marL="0" indent="0" algn="just">
              <a:spcBef>
                <a:spcPts val="0"/>
              </a:spcBef>
              <a:buNone/>
            </a:pPr>
            <a:r>
              <a:rPr lang="ru-RU" sz="2000" b="1" dirty="0" smtClean="0">
                <a:solidFill>
                  <a:srgbClr val="0843B8"/>
                </a:solidFill>
              </a:rPr>
              <a:t>На специальном портале университета Адам </a:t>
            </a:r>
            <a:r>
              <a:rPr lang="en-US" sz="2200" b="1" i="1" dirty="0" smtClean="0">
                <a:solidFill>
                  <a:srgbClr val="C00000"/>
                </a:solidFill>
              </a:rPr>
              <a:t>open.adam.kg</a:t>
            </a:r>
            <a:r>
              <a:rPr lang="ru-RU" sz="2000" b="1" i="1" dirty="0" smtClean="0">
                <a:solidFill>
                  <a:srgbClr val="00B050"/>
                </a:solidFill>
              </a:rPr>
              <a:t> </a:t>
            </a:r>
            <a:r>
              <a:rPr lang="ru-RU" sz="2000" b="1" dirty="0" smtClean="0">
                <a:solidFill>
                  <a:srgbClr val="0843B8"/>
                </a:solidFill>
              </a:rPr>
              <a:t>на основе </a:t>
            </a:r>
            <a:r>
              <a:rPr lang="ru-RU" sz="2000" b="1" dirty="0" err="1" smtClean="0">
                <a:solidFill>
                  <a:srgbClr val="0843B8"/>
                </a:solidFill>
              </a:rPr>
              <a:t>Moodle</a:t>
            </a:r>
            <a:endParaRPr lang="ru-RU" sz="2000" b="1" dirty="0" smtClean="0">
              <a:solidFill>
                <a:srgbClr val="0843B8"/>
              </a:solidFill>
            </a:endParaRPr>
          </a:p>
          <a:p>
            <a:pPr marL="0" indent="0" algn="just">
              <a:spcBef>
                <a:spcPts val="0"/>
              </a:spcBef>
              <a:buNone/>
            </a:pPr>
            <a:endParaRPr lang="ru-RU" sz="1600" dirty="0" smtClean="0"/>
          </a:p>
          <a:p>
            <a:pPr marL="0" indent="0" algn="just">
              <a:spcBef>
                <a:spcPts val="0"/>
              </a:spcBef>
              <a:buNone/>
            </a:pPr>
            <a:endParaRPr lang="ru-RU" sz="1600" dirty="0" smtClean="0"/>
          </a:p>
          <a:p>
            <a:pPr marL="0" indent="0" algn="just">
              <a:spcBef>
                <a:spcPts val="0"/>
              </a:spcBef>
              <a:buNone/>
            </a:pPr>
            <a:endParaRPr lang="ru-RU" sz="1600" dirty="0" smtClean="0"/>
          </a:p>
          <a:p>
            <a:pPr marL="0" indent="0" algn="just">
              <a:spcBef>
                <a:spcPts val="0"/>
              </a:spcBef>
              <a:buNone/>
            </a:pPr>
            <a:endParaRPr lang="ru-RU" sz="1600" dirty="0" smtClean="0"/>
          </a:p>
          <a:p>
            <a:pPr marL="0" indent="0" algn="just">
              <a:spcBef>
                <a:spcPts val="0"/>
              </a:spcBef>
              <a:buNone/>
            </a:pPr>
            <a:r>
              <a:rPr lang="ru-RU" sz="1600" dirty="0" smtClean="0"/>
              <a:t/>
            </a:r>
            <a:br>
              <a:rPr lang="ru-RU" sz="1600" dirty="0" smtClean="0"/>
            </a:br>
            <a:endParaRPr lang="ru-RU" sz="1600" dirty="0" smtClean="0"/>
          </a:p>
          <a:p>
            <a:pPr marL="0" indent="0" algn="just">
              <a:spcBef>
                <a:spcPts val="0"/>
              </a:spcBef>
              <a:buNone/>
            </a:pPr>
            <a:endParaRPr lang="ru-RU" sz="1600" dirty="0" smtClean="0"/>
          </a:p>
          <a:p>
            <a:pPr marL="0" indent="0" algn="just">
              <a:spcBef>
                <a:spcPts val="0"/>
              </a:spcBef>
              <a:buNone/>
            </a:pPr>
            <a:endParaRPr lang="ru-RU" sz="1600" b="1" dirty="0" smtClean="0">
              <a:solidFill>
                <a:srgbClr val="0843B8"/>
              </a:solidFill>
            </a:endParaRPr>
          </a:p>
          <a:p>
            <a:pPr marL="0" indent="0" algn="just">
              <a:spcBef>
                <a:spcPts val="0"/>
              </a:spcBef>
              <a:buNone/>
            </a:pPr>
            <a:r>
              <a:rPr lang="ru-RU" sz="1700" b="1" dirty="0" smtClean="0">
                <a:solidFill>
                  <a:srgbClr val="0843B8"/>
                </a:solidFill>
              </a:rPr>
              <a:t>Зарегистрировано </a:t>
            </a:r>
            <a:r>
              <a:rPr lang="ru-RU" sz="1700" b="1" dirty="0" smtClean="0">
                <a:solidFill>
                  <a:srgbClr val="0843B8"/>
                </a:solidFill>
              </a:rPr>
              <a:t>– 150 (представителями школ, колледжей, техникумов, вузов и других </a:t>
            </a:r>
            <a:r>
              <a:rPr lang="ru-RU" sz="1700" b="1" dirty="0" smtClean="0">
                <a:solidFill>
                  <a:srgbClr val="0843B8"/>
                </a:solidFill>
              </a:rPr>
              <a:t>организаций</a:t>
            </a:r>
            <a:r>
              <a:rPr lang="ru-RU" sz="1700" b="1" dirty="0">
                <a:solidFill>
                  <a:srgbClr val="0843B8"/>
                </a:solidFill>
              </a:rPr>
              <a:t>.</a:t>
            </a:r>
            <a:r>
              <a:rPr lang="ru-RU" sz="1700" b="1" dirty="0" smtClean="0">
                <a:solidFill>
                  <a:srgbClr val="0843B8"/>
                </a:solidFill>
              </a:rPr>
              <a:t>)</a:t>
            </a:r>
            <a:endParaRPr lang="ru-RU" sz="1700" b="1" dirty="0" smtClean="0">
              <a:solidFill>
                <a:srgbClr val="0843B8"/>
              </a:solidFill>
            </a:endParaRPr>
          </a:p>
          <a:p>
            <a:pPr marL="0" indent="0" algn="just">
              <a:spcBef>
                <a:spcPts val="0"/>
              </a:spcBef>
              <a:buNone/>
            </a:pPr>
            <a:r>
              <a:rPr lang="ru-RU" sz="1700" b="1" dirty="0" smtClean="0">
                <a:solidFill>
                  <a:srgbClr val="0843B8"/>
                </a:solidFill>
              </a:rPr>
              <a:t/>
            </a:r>
            <a:br>
              <a:rPr lang="ru-RU" sz="1700" b="1" dirty="0" smtClean="0">
                <a:solidFill>
                  <a:srgbClr val="0843B8"/>
                </a:solidFill>
              </a:rPr>
            </a:br>
            <a:r>
              <a:rPr lang="ru-RU" sz="1700" b="1" dirty="0" smtClean="0">
                <a:solidFill>
                  <a:srgbClr val="0843B8"/>
                </a:solidFill>
              </a:rPr>
              <a:t>Отучились и получили сертификаты - 30</a:t>
            </a:r>
            <a:endParaRPr lang="ru-RU" sz="1700" b="1" dirty="0">
              <a:solidFill>
                <a:srgbClr val="0843B8"/>
              </a:solidFill>
            </a:endParaRPr>
          </a:p>
        </p:txBody>
      </p:sp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67544" y="0"/>
            <a:ext cx="8183880" cy="963488"/>
          </a:xfrm>
        </p:spPr>
        <p:txBody>
          <a:bodyPr>
            <a:normAutofit/>
          </a:bodyPr>
          <a:lstStyle/>
          <a:p>
            <a:pPr algn="ctr"/>
            <a:r>
              <a:rPr lang="ru-RU" sz="2400" dirty="0" smtClean="0">
                <a:solidFill>
                  <a:srgbClr val="0843B8"/>
                </a:solidFill>
              </a:rPr>
              <a:t>Участники курсов </a:t>
            </a:r>
            <a:r>
              <a:rPr lang="ru-RU" sz="2400" dirty="0" smtClean="0">
                <a:solidFill>
                  <a:srgbClr val="0843B8"/>
                </a:solidFill>
              </a:rPr>
              <a:t>МООК</a:t>
            </a:r>
            <a:endParaRPr lang="ru-RU" sz="2400" dirty="0">
              <a:solidFill>
                <a:srgbClr val="0843B8"/>
              </a:solidFill>
            </a:endParaRPr>
          </a:p>
        </p:txBody>
      </p:sp>
      <p:pic>
        <p:nvPicPr>
          <p:cNvPr id="7170" name="Рисунок 1"/>
          <p:cNvPicPr>
            <a:picLocks noChangeAspect="1" noChangeArrowheads="1"/>
          </p:cNvPicPr>
          <p:nvPr/>
        </p:nvPicPr>
        <p:blipFill>
          <a:blip r:embed="rId2" cstate="print"/>
          <a:srcRect l="14751" t="17435" r="15660" b="25851"/>
          <a:stretch>
            <a:fillRect/>
          </a:stretch>
        </p:blipFill>
        <p:spPr bwMode="auto">
          <a:xfrm>
            <a:off x="323527" y="4869160"/>
            <a:ext cx="2813967" cy="1800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7171" name="Рисунок 10"/>
          <p:cNvPicPr>
            <a:picLocks noChangeAspect="1" noChangeArrowheads="1"/>
          </p:cNvPicPr>
          <p:nvPr/>
        </p:nvPicPr>
        <p:blipFill>
          <a:blip r:embed="rId3" cstate="print"/>
          <a:srcRect l="14270" t="13226" r="14377" b="19839"/>
          <a:stretch>
            <a:fillRect/>
          </a:stretch>
        </p:blipFill>
        <p:spPr bwMode="auto">
          <a:xfrm>
            <a:off x="5796136" y="4797152"/>
            <a:ext cx="2977827" cy="187220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graphicFrame>
        <p:nvGraphicFramePr>
          <p:cNvPr id="7" name="Схема 6"/>
          <p:cNvGraphicFramePr/>
          <p:nvPr/>
        </p:nvGraphicFramePr>
        <p:xfrm>
          <a:off x="611560" y="1988840"/>
          <a:ext cx="7776864" cy="134076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</p:spTree>
    <p:extLst>
      <p:ext uri="{BB962C8B-B14F-4D97-AF65-F5344CB8AC3E}">
        <p14:creationId xmlns:p14="http://schemas.microsoft.com/office/powerpoint/2010/main" val="349183432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67544" y="188640"/>
            <a:ext cx="8183880" cy="790912"/>
          </a:xfrm>
        </p:spPr>
        <p:txBody>
          <a:bodyPr>
            <a:normAutofit/>
          </a:bodyPr>
          <a:lstStyle/>
          <a:p>
            <a:pPr algn="ctr"/>
            <a:r>
              <a:rPr lang="ru-RU" sz="2500" dirty="0" smtClean="0">
                <a:solidFill>
                  <a:srgbClr val="0843B8"/>
                </a:solidFill>
              </a:rPr>
              <a:t>В процессе разработки курсов </a:t>
            </a:r>
            <a:r>
              <a:rPr lang="en-US" sz="2500" dirty="0" smtClean="0">
                <a:solidFill>
                  <a:srgbClr val="0843B8"/>
                </a:solidFill>
              </a:rPr>
              <a:t>MOOC</a:t>
            </a:r>
            <a:endParaRPr lang="ru-RU" sz="2500" dirty="0">
              <a:solidFill>
                <a:srgbClr val="0843B8"/>
              </a:solidFill>
            </a:endParaRPr>
          </a:p>
        </p:txBody>
      </p:sp>
      <p:graphicFrame>
        <p:nvGraphicFramePr>
          <p:cNvPr id="4" name="Содержимое 3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1003436483"/>
              </p:ext>
            </p:extLst>
          </p:nvPr>
        </p:nvGraphicFramePr>
        <p:xfrm>
          <a:off x="468313" y="1125538"/>
          <a:ext cx="8183562" cy="518318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1"/>
          <p:cNvSpPr>
            <a:spLocks noGrp="1"/>
          </p:cNvSpPr>
          <p:nvPr>
            <p:ph type="title"/>
          </p:nvPr>
        </p:nvSpPr>
        <p:spPr>
          <a:xfrm>
            <a:off x="467544" y="188640"/>
            <a:ext cx="8183880" cy="1051560"/>
          </a:xfrm>
        </p:spPr>
        <p:txBody>
          <a:bodyPr>
            <a:normAutofit/>
          </a:bodyPr>
          <a:lstStyle/>
          <a:p>
            <a:pPr algn="ctr"/>
            <a:r>
              <a:rPr lang="ru-RU" sz="2400" dirty="0" smtClean="0">
                <a:solidFill>
                  <a:srgbClr val="0843B8"/>
                </a:solidFill>
              </a:rPr>
              <a:t>Процесс технической части разработки курсов</a:t>
            </a:r>
            <a:endParaRPr lang="ru-RU" sz="2400" dirty="0">
              <a:solidFill>
                <a:srgbClr val="0843B8"/>
              </a:solidFill>
            </a:endParaRPr>
          </a:p>
        </p:txBody>
      </p:sp>
      <p:graphicFrame>
        <p:nvGraphicFramePr>
          <p:cNvPr id="6" name="Схема 5"/>
          <p:cNvGraphicFramePr/>
          <p:nvPr/>
        </p:nvGraphicFramePr>
        <p:xfrm>
          <a:off x="1043608" y="1397000"/>
          <a:ext cx="6984776" cy="462428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323528" y="1340768"/>
            <a:ext cx="8291264" cy="4914872"/>
          </a:xfrm>
        </p:spPr>
        <p:txBody>
          <a:bodyPr>
            <a:normAutofit fontScale="70000" lnSpcReduction="20000"/>
          </a:bodyPr>
          <a:lstStyle/>
          <a:p>
            <a:pPr algn="just">
              <a:buClr>
                <a:srgbClr val="0843B8"/>
              </a:buClr>
            </a:pPr>
            <a:r>
              <a:rPr lang="ru-RU" sz="2400" b="1" dirty="0" err="1" smtClean="0">
                <a:solidFill>
                  <a:srgbClr val="0843B8"/>
                </a:solidFill>
              </a:rPr>
              <a:t>iSpring</a:t>
            </a:r>
            <a:r>
              <a:rPr lang="ru-RU" sz="2400" b="1" dirty="0" smtClean="0">
                <a:solidFill>
                  <a:srgbClr val="0843B8"/>
                </a:solidFill>
              </a:rPr>
              <a:t> </a:t>
            </a:r>
            <a:r>
              <a:rPr lang="ru-RU" sz="2400" b="1" dirty="0" err="1" smtClean="0">
                <a:solidFill>
                  <a:srgbClr val="0843B8"/>
                </a:solidFill>
              </a:rPr>
              <a:t>Suite</a:t>
            </a:r>
            <a:r>
              <a:rPr lang="ru-RU" sz="2400" dirty="0" smtClean="0">
                <a:solidFill>
                  <a:srgbClr val="0843B8"/>
                </a:solidFill>
              </a:rPr>
              <a:t> — работающий в интерфейсе </a:t>
            </a:r>
            <a:r>
              <a:rPr lang="en-US" sz="2400" dirty="0" smtClean="0">
                <a:solidFill>
                  <a:srgbClr val="0843B8"/>
                </a:solidFill>
              </a:rPr>
              <a:t>Microsoft PowerPoint</a:t>
            </a:r>
            <a:r>
              <a:rPr lang="ru-RU" sz="2400" dirty="0" smtClean="0">
                <a:solidFill>
                  <a:srgbClr val="0843B8"/>
                </a:solidFill>
              </a:rPr>
              <a:t> конструктор презентаций и курсов, использовалась для создания презентаций.</a:t>
            </a:r>
          </a:p>
          <a:p>
            <a:pPr algn="just">
              <a:buClr>
                <a:srgbClr val="0843B8"/>
              </a:buClr>
              <a:buNone/>
            </a:pPr>
            <a:endParaRPr lang="ru-RU" sz="2400" dirty="0" smtClean="0">
              <a:solidFill>
                <a:srgbClr val="0843B8"/>
              </a:solidFill>
            </a:endParaRPr>
          </a:p>
          <a:p>
            <a:pPr algn="just">
              <a:buClr>
                <a:srgbClr val="0843B8"/>
              </a:buClr>
            </a:pPr>
            <a:r>
              <a:rPr lang="ru-RU" sz="2400" b="1" dirty="0" err="1" smtClean="0">
                <a:solidFill>
                  <a:srgbClr val="0843B8"/>
                </a:solidFill>
              </a:rPr>
              <a:t>iSpring</a:t>
            </a:r>
            <a:r>
              <a:rPr lang="ru-RU" sz="2400" b="1" dirty="0" smtClean="0">
                <a:solidFill>
                  <a:srgbClr val="0843B8"/>
                </a:solidFill>
              </a:rPr>
              <a:t> </a:t>
            </a:r>
            <a:r>
              <a:rPr lang="ru-RU" sz="2400" b="1" dirty="0" err="1" smtClean="0">
                <a:solidFill>
                  <a:srgbClr val="0843B8"/>
                </a:solidFill>
              </a:rPr>
              <a:t>Free</a:t>
            </a:r>
            <a:r>
              <a:rPr lang="ru-RU" sz="2400" b="1" dirty="0" smtClean="0">
                <a:solidFill>
                  <a:srgbClr val="0843B8"/>
                </a:solidFill>
              </a:rPr>
              <a:t> </a:t>
            </a:r>
            <a:r>
              <a:rPr lang="ru-RU" sz="2400" b="1" dirty="0" err="1" smtClean="0">
                <a:solidFill>
                  <a:srgbClr val="0843B8"/>
                </a:solidFill>
              </a:rPr>
              <a:t>Cam</a:t>
            </a:r>
            <a:r>
              <a:rPr lang="ru-RU" sz="2400" dirty="0" smtClean="0">
                <a:solidFill>
                  <a:srgbClr val="0843B8"/>
                </a:solidFill>
              </a:rPr>
              <a:t> - это </a:t>
            </a:r>
            <a:r>
              <a:rPr lang="ru-RU" sz="2400" dirty="0" err="1" smtClean="0">
                <a:solidFill>
                  <a:srgbClr val="0843B8"/>
                </a:solidFill>
              </a:rPr>
              <a:t>скринкастер</a:t>
            </a:r>
            <a:r>
              <a:rPr lang="ru-RU" sz="2400" dirty="0" smtClean="0">
                <a:solidFill>
                  <a:srgbClr val="0843B8"/>
                </a:solidFill>
              </a:rPr>
              <a:t> с возможностью записи всей области экрана или определенного его фрагмента. Программа позволяет выделять перемещение курсора мыши и акцентировать внимание на кликах, использовалась при подготовке обучающих видео и </a:t>
            </a:r>
            <a:r>
              <a:rPr lang="ru-RU" sz="2400" dirty="0" err="1" smtClean="0">
                <a:solidFill>
                  <a:srgbClr val="0843B8"/>
                </a:solidFill>
              </a:rPr>
              <a:t>вебинаров</a:t>
            </a:r>
            <a:endParaRPr lang="ru-RU" sz="2400" dirty="0" smtClean="0">
              <a:solidFill>
                <a:srgbClr val="0843B8"/>
              </a:solidFill>
            </a:endParaRPr>
          </a:p>
          <a:p>
            <a:pPr algn="just">
              <a:buClr>
                <a:srgbClr val="0843B8"/>
              </a:buClr>
              <a:buNone/>
            </a:pPr>
            <a:endParaRPr lang="ru-RU" sz="2400" dirty="0" smtClean="0">
              <a:solidFill>
                <a:srgbClr val="0843B8"/>
              </a:solidFill>
            </a:endParaRPr>
          </a:p>
          <a:p>
            <a:pPr algn="just">
              <a:buClr>
                <a:srgbClr val="0843B8"/>
              </a:buClr>
            </a:pPr>
            <a:r>
              <a:rPr lang="ru-RU" sz="2400" b="1" dirty="0" err="1" smtClean="0">
                <a:solidFill>
                  <a:srgbClr val="0843B8"/>
                </a:solidFill>
              </a:rPr>
              <a:t>iSpring</a:t>
            </a:r>
            <a:r>
              <a:rPr lang="ru-RU" sz="2400" b="1" dirty="0" smtClean="0">
                <a:solidFill>
                  <a:srgbClr val="0843B8"/>
                </a:solidFill>
              </a:rPr>
              <a:t> </a:t>
            </a:r>
            <a:r>
              <a:rPr lang="ru-RU" sz="2400" b="1" dirty="0" err="1" smtClean="0">
                <a:solidFill>
                  <a:srgbClr val="0843B8"/>
                </a:solidFill>
              </a:rPr>
              <a:t>QuizMaker</a:t>
            </a:r>
            <a:r>
              <a:rPr lang="ru-RU" sz="2400" dirty="0" smtClean="0">
                <a:solidFill>
                  <a:srgbClr val="0843B8"/>
                </a:solidFill>
              </a:rPr>
              <a:t> — редактор тестов и опросов, использовалась для создания тестовых заданий.</a:t>
            </a:r>
          </a:p>
          <a:p>
            <a:pPr algn="just">
              <a:buClr>
                <a:srgbClr val="0843B8"/>
              </a:buClr>
              <a:buNone/>
            </a:pPr>
            <a:endParaRPr lang="ru-RU" sz="2400" dirty="0" smtClean="0">
              <a:solidFill>
                <a:srgbClr val="0843B8"/>
              </a:solidFill>
            </a:endParaRPr>
          </a:p>
          <a:p>
            <a:pPr algn="just">
              <a:buClr>
                <a:srgbClr val="0843B8"/>
              </a:buClr>
            </a:pPr>
            <a:r>
              <a:rPr lang="ru-RU" sz="2400" b="1" dirty="0" smtClean="0">
                <a:solidFill>
                  <a:srgbClr val="0843B8"/>
                </a:solidFill>
              </a:rPr>
              <a:t>Петличка</a:t>
            </a:r>
            <a:r>
              <a:rPr lang="ru-RU" sz="2400" dirty="0" smtClean="0">
                <a:solidFill>
                  <a:srgbClr val="0843B8"/>
                </a:solidFill>
              </a:rPr>
              <a:t> – это студийный петличный микрофон, использовалась для записи звука .</a:t>
            </a:r>
          </a:p>
          <a:p>
            <a:pPr algn="just">
              <a:buClr>
                <a:srgbClr val="0843B8"/>
              </a:buClr>
              <a:buNone/>
            </a:pPr>
            <a:endParaRPr lang="ru-RU" sz="2400" dirty="0" smtClean="0">
              <a:solidFill>
                <a:srgbClr val="0843B8"/>
              </a:solidFill>
            </a:endParaRPr>
          </a:p>
          <a:p>
            <a:pPr algn="just">
              <a:buClr>
                <a:srgbClr val="0843B8"/>
              </a:buClr>
            </a:pPr>
            <a:r>
              <a:rPr lang="ru-RU" sz="2400" b="1" dirty="0" err="1" smtClean="0">
                <a:solidFill>
                  <a:srgbClr val="0843B8"/>
                </a:solidFill>
              </a:rPr>
              <a:t>Adobe</a:t>
            </a:r>
            <a:r>
              <a:rPr lang="ru-RU" sz="2400" b="1" dirty="0" smtClean="0">
                <a:solidFill>
                  <a:srgbClr val="0843B8"/>
                </a:solidFill>
              </a:rPr>
              <a:t> </a:t>
            </a:r>
            <a:r>
              <a:rPr lang="ru-RU" sz="2400" b="1" dirty="0" err="1" smtClean="0">
                <a:solidFill>
                  <a:srgbClr val="0843B8"/>
                </a:solidFill>
              </a:rPr>
              <a:t>Premiere</a:t>
            </a:r>
            <a:r>
              <a:rPr lang="ru-RU" sz="2400" b="1" dirty="0" smtClean="0">
                <a:solidFill>
                  <a:srgbClr val="0843B8"/>
                </a:solidFill>
              </a:rPr>
              <a:t> </a:t>
            </a:r>
            <a:r>
              <a:rPr lang="ru-RU" sz="2400" b="1" dirty="0" err="1" smtClean="0">
                <a:solidFill>
                  <a:srgbClr val="0843B8"/>
                </a:solidFill>
              </a:rPr>
              <a:t>Pro</a:t>
            </a:r>
            <a:r>
              <a:rPr lang="ru-RU" sz="2400" dirty="0" smtClean="0">
                <a:solidFill>
                  <a:srgbClr val="0843B8"/>
                </a:solidFill>
              </a:rPr>
              <a:t> – программа, при помощи которого выполнялся нелинейный видеомонтаж, а также большинство процессов постобработки видео- и аудиоматериала, то есть монтаж и сборка материала.</a:t>
            </a:r>
            <a:endParaRPr lang="ru-RU" sz="2400" dirty="0">
              <a:solidFill>
                <a:srgbClr val="0843B8"/>
              </a:solidFill>
            </a:endParaRPr>
          </a:p>
        </p:txBody>
      </p:sp>
      <p:sp>
        <p:nvSpPr>
          <p:cNvPr id="4" name="Заголовок 1"/>
          <p:cNvSpPr>
            <a:spLocks noGrp="1"/>
          </p:cNvSpPr>
          <p:nvPr>
            <p:ph type="title"/>
          </p:nvPr>
        </p:nvSpPr>
        <p:spPr>
          <a:xfrm>
            <a:off x="467544" y="0"/>
            <a:ext cx="8183880" cy="1051560"/>
          </a:xfrm>
        </p:spPr>
        <p:txBody>
          <a:bodyPr>
            <a:normAutofit/>
          </a:bodyPr>
          <a:lstStyle/>
          <a:p>
            <a:pPr algn="ctr"/>
            <a:r>
              <a:rPr lang="ru-RU" sz="3300" dirty="0" smtClean="0">
                <a:solidFill>
                  <a:srgbClr val="0843B8"/>
                </a:solidFill>
              </a:rPr>
              <a:t>Техническая часть</a:t>
            </a:r>
            <a:endParaRPr lang="ru-RU" sz="3300" dirty="0">
              <a:solidFill>
                <a:srgbClr val="0843B8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67544" y="1124744"/>
            <a:ext cx="8183880" cy="1051560"/>
          </a:xfrm>
        </p:spPr>
        <p:txBody>
          <a:bodyPr>
            <a:noAutofit/>
          </a:bodyPr>
          <a:lstStyle/>
          <a:p>
            <a:pPr algn="ctr"/>
            <a:r>
              <a:rPr lang="ru-RU" sz="3500" dirty="0" smtClean="0">
                <a:solidFill>
                  <a:srgbClr val="0843B8"/>
                </a:solidFill>
              </a:rPr>
              <a:t>Массовые открытые </a:t>
            </a:r>
            <a:r>
              <a:rPr lang="ru-RU" sz="3500" dirty="0" err="1" smtClean="0">
                <a:solidFill>
                  <a:srgbClr val="0843B8"/>
                </a:solidFill>
              </a:rPr>
              <a:t>онлайн</a:t>
            </a:r>
            <a:r>
              <a:rPr lang="ru-RU" sz="3500" dirty="0" smtClean="0">
                <a:solidFill>
                  <a:srgbClr val="0843B8"/>
                </a:solidFill>
              </a:rPr>
              <a:t> курсы</a:t>
            </a:r>
            <a:br>
              <a:rPr lang="ru-RU" sz="3500" dirty="0" smtClean="0">
                <a:solidFill>
                  <a:srgbClr val="0843B8"/>
                </a:solidFill>
              </a:rPr>
            </a:br>
            <a:r>
              <a:rPr lang="ru-RU" sz="3500" dirty="0" smtClean="0">
                <a:solidFill>
                  <a:srgbClr val="0843B8"/>
                </a:solidFill>
              </a:rPr>
              <a:t>Университета Адам</a:t>
            </a:r>
            <a:endParaRPr lang="ru-RU" sz="3500" dirty="0">
              <a:solidFill>
                <a:srgbClr val="0843B8"/>
              </a:solidFill>
            </a:endParaRPr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467544" y="2420888"/>
            <a:ext cx="8183880" cy="2088232"/>
          </a:xfrm>
        </p:spPr>
        <p:txBody>
          <a:bodyPr>
            <a:normAutofit/>
          </a:bodyPr>
          <a:lstStyle/>
          <a:p>
            <a:pPr algn="ctr">
              <a:buClrTx/>
              <a:buNone/>
            </a:pPr>
            <a:r>
              <a:rPr lang="en-US" sz="4500" b="1" i="1" dirty="0" smtClean="0">
                <a:solidFill>
                  <a:srgbClr val="C00000"/>
                </a:solidFill>
              </a:rPr>
              <a:t>open.adam.kg</a:t>
            </a:r>
            <a:endParaRPr lang="ru-RU" sz="4500" b="1" i="1" dirty="0">
              <a:solidFill>
                <a:srgbClr val="C00000"/>
              </a:solidFill>
            </a:endParaRPr>
          </a:p>
        </p:txBody>
      </p:sp>
      <p:pic>
        <p:nvPicPr>
          <p:cNvPr id="4" name="Рисунок 3" descr="C:\Users\staff\Downloads\shutterstock_728178127.jpg"/>
          <p:cNvPicPr/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907704" y="3717032"/>
            <a:ext cx="5256584" cy="216024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67544" y="188640"/>
            <a:ext cx="8183880" cy="1051560"/>
          </a:xfrm>
        </p:spPr>
        <p:txBody>
          <a:bodyPr/>
          <a:lstStyle/>
          <a:p>
            <a:pPr algn="ctr"/>
            <a:r>
              <a:rPr lang="ru-RU" dirty="0" smtClean="0">
                <a:solidFill>
                  <a:srgbClr val="0843B8"/>
                </a:solidFill>
              </a:rPr>
              <a:t>Возможности </a:t>
            </a:r>
            <a:r>
              <a:rPr lang="ru-RU" dirty="0" smtClean="0">
                <a:solidFill>
                  <a:srgbClr val="0843B8"/>
                </a:solidFill>
              </a:rPr>
              <a:t>MOOК</a:t>
            </a:r>
            <a:endParaRPr lang="ru-RU" dirty="0">
              <a:solidFill>
                <a:srgbClr val="0843B8"/>
              </a:solidFill>
            </a:endParaRPr>
          </a:p>
        </p:txBody>
      </p:sp>
      <p:graphicFrame>
        <p:nvGraphicFramePr>
          <p:cNvPr id="6" name="Содержимое 5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82029638"/>
              </p:ext>
            </p:extLst>
          </p:nvPr>
        </p:nvGraphicFramePr>
        <p:xfrm>
          <a:off x="468313" y="1268761"/>
          <a:ext cx="8183562" cy="5184576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 cstate="print"/>
          <a:srcRect l="222" t="15916" r="25626" b="6708"/>
          <a:stretch>
            <a:fillRect/>
          </a:stretch>
        </p:blipFill>
        <p:spPr bwMode="auto">
          <a:xfrm>
            <a:off x="467544" y="548680"/>
            <a:ext cx="8208912" cy="525658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 cstate="print"/>
          <a:srcRect l="1297" t="14196" r="25626" b="6708"/>
          <a:stretch>
            <a:fillRect/>
          </a:stretch>
        </p:blipFill>
        <p:spPr bwMode="auto">
          <a:xfrm>
            <a:off x="827584" y="620688"/>
            <a:ext cx="7488832" cy="50659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6" name="Содержимое 5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1063828276"/>
              </p:ext>
            </p:extLst>
          </p:nvPr>
        </p:nvGraphicFramePr>
        <p:xfrm>
          <a:off x="467544" y="620688"/>
          <a:ext cx="8183562" cy="5256584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395536" y="0"/>
            <a:ext cx="8183880" cy="1051560"/>
          </a:xfrm>
        </p:spPr>
        <p:txBody>
          <a:bodyPr/>
          <a:lstStyle/>
          <a:p>
            <a:pPr algn="ctr"/>
            <a:r>
              <a:rPr lang="ru-RU" dirty="0" smtClean="0">
                <a:solidFill>
                  <a:srgbClr val="0843B8"/>
                </a:solidFill>
              </a:rPr>
              <a:t>Платформы </a:t>
            </a:r>
            <a:r>
              <a:rPr lang="ru-RU" dirty="0" smtClean="0">
                <a:solidFill>
                  <a:srgbClr val="0843B8"/>
                </a:solidFill>
              </a:rPr>
              <a:t>МООК</a:t>
            </a:r>
            <a:endParaRPr lang="ru-RU" dirty="0">
              <a:solidFill>
                <a:srgbClr val="0843B8"/>
              </a:solidFill>
            </a:endParaRPr>
          </a:p>
        </p:txBody>
      </p:sp>
      <p:graphicFrame>
        <p:nvGraphicFramePr>
          <p:cNvPr id="6" name="Содержимое 5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1275555341"/>
              </p:ext>
            </p:extLst>
          </p:nvPr>
        </p:nvGraphicFramePr>
        <p:xfrm>
          <a:off x="467544" y="1196752"/>
          <a:ext cx="8183562" cy="511256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323528" y="260648"/>
            <a:ext cx="8183880" cy="1051560"/>
          </a:xfrm>
        </p:spPr>
        <p:txBody>
          <a:bodyPr>
            <a:normAutofit/>
          </a:bodyPr>
          <a:lstStyle/>
          <a:p>
            <a:pPr algn="ctr"/>
            <a:r>
              <a:rPr lang="ru-RU" sz="2800" dirty="0" smtClean="0">
                <a:solidFill>
                  <a:srgbClr val="0843B8"/>
                </a:solidFill>
              </a:rPr>
              <a:t>Опыт организации </a:t>
            </a:r>
            <a:r>
              <a:rPr lang="ru-RU" sz="2800" dirty="0" smtClean="0">
                <a:solidFill>
                  <a:srgbClr val="0843B8"/>
                </a:solidFill>
              </a:rPr>
              <a:t>МООК </a:t>
            </a:r>
            <a:r>
              <a:rPr lang="ru-RU" sz="2800" dirty="0" smtClean="0">
                <a:solidFill>
                  <a:srgbClr val="0843B8"/>
                </a:solidFill>
              </a:rPr>
              <a:t>в университете Адам</a:t>
            </a:r>
            <a:endParaRPr lang="ru-RU" sz="2800" dirty="0">
              <a:solidFill>
                <a:srgbClr val="0843B8"/>
              </a:solidFill>
            </a:endParaRPr>
          </a:p>
        </p:txBody>
      </p:sp>
      <p:graphicFrame>
        <p:nvGraphicFramePr>
          <p:cNvPr id="6" name="Содержимое 5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777741688"/>
              </p:ext>
            </p:extLst>
          </p:nvPr>
        </p:nvGraphicFramePr>
        <p:xfrm>
          <a:off x="467544" y="1484784"/>
          <a:ext cx="8183562" cy="403244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18389315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323528" y="260648"/>
            <a:ext cx="8183880" cy="1051560"/>
          </a:xfrm>
        </p:spPr>
        <p:txBody>
          <a:bodyPr>
            <a:normAutofit/>
          </a:bodyPr>
          <a:lstStyle/>
          <a:p>
            <a:pPr algn="ctr"/>
            <a:r>
              <a:rPr lang="ru-RU" sz="2800" dirty="0" smtClean="0">
                <a:solidFill>
                  <a:srgbClr val="0843B8"/>
                </a:solidFill>
              </a:rPr>
              <a:t>Опыт организации </a:t>
            </a:r>
            <a:r>
              <a:rPr lang="ru-RU" sz="2800" dirty="0" smtClean="0">
                <a:solidFill>
                  <a:srgbClr val="0843B8"/>
                </a:solidFill>
              </a:rPr>
              <a:t>МООК </a:t>
            </a:r>
            <a:r>
              <a:rPr lang="ru-RU" sz="2800" dirty="0" smtClean="0">
                <a:solidFill>
                  <a:srgbClr val="0843B8"/>
                </a:solidFill>
              </a:rPr>
              <a:t>в университете Адам</a:t>
            </a:r>
            <a:endParaRPr lang="ru-RU" sz="2800" dirty="0">
              <a:solidFill>
                <a:srgbClr val="0843B8"/>
              </a:solidFill>
            </a:endParaRPr>
          </a:p>
        </p:txBody>
      </p:sp>
      <p:graphicFrame>
        <p:nvGraphicFramePr>
          <p:cNvPr id="4" name="Содержимое 5"/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3265609859"/>
              </p:ext>
            </p:extLst>
          </p:nvPr>
        </p:nvGraphicFramePr>
        <p:xfrm>
          <a:off x="467544" y="1700808"/>
          <a:ext cx="8183562" cy="360040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Аспект">
  <a:themeElements>
    <a:clrScheme name="Аспект">
      <a:dk1>
        <a:sysClr val="windowText" lastClr="000000"/>
      </a:dk1>
      <a:lt1>
        <a:sysClr val="window" lastClr="FFFFFF"/>
      </a:lt1>
      <a:dk2>
        <a:srgbClr val="323232"/>
      </a:dk2>
      <a:lt2>
        <a:srgbClr val="E3DED1"/>
      </a:lt2>
      <a:accent1>
        <a:srgbClr val="F07F09"/>
      </a:accent1>
      <a:accent2>
        <a:srgbClr val="9F2936"/>
      </a:accent2>
      <a:accent3>
        <a:srgbClr val="1B587C"/>
      </a:accent3>
      <a:accent4>
        <a:srgbClr val="4E8542"/>
      </a:accent4>
      <a:accent5>
        <a:srgbClr val="604878"/>
      </a:accent5>
      <a:accent6>
        <a:srgbClr val="C19859"/>
      </a:accent6>
      <a:hlink>
        <a:srgbClr val="6B9F25"/>
      </a:hlink>
      <a:folHlink>
        <a:srgbClr val="B26B02"/>
      </a:folHlink>
    </a:clrScheme>
    <a:fontScheme name="Аспект">
      <a:majorFont>
        <a:latin typeface="Verdana"/>
        <a:ea typeface=""/>
        <a:cs typeface=""/>
        <a:font script="Jpan" typeface="ＭＳ ゴシック"/>
        <a:font script="Hang" typeface="굴림"/>
        <a:font script="Hans" typeface="微软雅黑"/>
        <a:font script="Hant" typeface="微軟正黑體"/>
        <a:font script="Arab" typeface="Tahoma"/>
        <a:font script="Hebr" typeface="Tahoma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</a:majorFont>
      <a:minorFont>
        <a:latin typeface="Verdana"/>
        <a:ea typeface=""/>
        <a:cs typeface=""/>
        <a:font script="Jpan" typeface="ＭＳ ゴシック"/>
        <a:font script="Hang" typeface="굴림"/>
        <a:font script="Hans" typeface="微软雅黑"/>
        <a:font script="Hant" typeface="微軟正黑體"/>
        <a:font script="Arab" typeface="Tahoma"/>
        <a:font script="Hebr" typeface="Tahoma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</a:minorFont>
    </a:fontScheme>
    <a:fmtScheme name="Аспект">
      <a:fillStyleLst>
        <a:solidFill>
          <a:schemeClr val="phClr"/>
        </a:solidFill>
        <a:gradFill rotWithShape="1">
          <a:gsLst>
            <a:gs pos="0">
              <a:schemeClr val="phClr">
                <a:tint val="65000"/>
                <a:satMod val="270000"/>
              </a:schemeClr>
            </a:gs>
            <a:gs pos="25000">
              <a:schemeClr val="phClr">
                <a:tint val="60000"/>
                <a:satMod val="300000"/>
              </a:schemeClr>
            </a:gs>
            <a:gs pos="100000">
              <a:schemeClr val="phClr">
                <a:tint val="29000"/>
                <a:satMod val="40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45000"/>
                <a:satMod val="155000"/>
              </a:schemeClr>
            </a:gs>
            <a:gs pos="60000">
              <a:schemeClr val="phClr">
                <a:shade val="95000"/>
                <a:satMod val="150000"/>
              </a:schemeClr>
            </a:gs>
            <a:gs pos="100000">
              <a:schemeClr val="phClr">
                <a:tint val="87000"/>
                <a:satMod val="2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atMod val="150000"/>
            </a:schemeClr>
          </a:solidFill>
          <a:prstDash val="solid"/>
        </a:ln>
        <a:ln w="425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65500" dist="38100" dir="5400000" rotWithShape="0">
              <a:srgbClr val="000000">
                <a:alpha val="40000"/>
              </a:srgbClr>
            </a:outerShdw>
          </a:effectLst>
        </a:effectStyle>
        <a:effectStyle>
          <a:effectLst>
            <a:outerShdw blurRad="65500" dist="38100" dir="5400000" rotWithShape="0">
              <a:srgbClr val="000000">
                <a:alpha val="40000"/>
              </a:srgbClr>
            </a:outerShdw>
          </a:effectLst>
        </a:effectStyle>
        <a:effectStyle>
          <a:effectLst>
            <a:outerShdw blurRad="65500" dist="38100" dir="5400000" rotWithShape="0">
              <a:srgbClr val="000000">
                <a:alpha val="40000"/>
              </a:srgbClr>
            </a:outerShdw>
          </a:effectLst>
          <a:scene3d>
            <a:camera prst="orthographicFront" fov="0">
              <a:rot lat="0" lon="0" rev="0"/>
            </a:camera>
            <a:lightRig rig="contrasting" dir="t">
              <a:rot lat="0" lon="0" rev="12000000"/>
            </a:lightRig>
          </a:scene3d>
          <a:sp3d prstMaterial="powder">
            <a:bevelT h="508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35000"/>
                <a:satMod val="150000"/>
              </a:schemeClr>
            </a:gs>
            <a:gs pos="45000">
              <a:schemeClr val="phClr">
                <a:shade val="68000"/>
                <a:satMod val="155000"/>
              </a:schemeClr>
            </a:gs>
            <a:gs pos="100000">
              <a:schemeClr val="phClr">
                <a:tint val="70000"/>
                <a:satMod val="175000"/>
              </a:schemeClr>
            </a:gs>
          </a:gsLst>
          <a:lin ang="16200000" scaled="0"/>
        </a:gradFill>
        <a:blipFill>
          <a:blip xmlns:r="http://schemas.openxmlformats.org/officeDocument/2006/relationships" r:embed="rId1">
            <a:duotone>
              <a:schemeClr val="phClr">
                <a:shade val="800"/>
                <a:satMod val="150000"/>
              </a:schemeClr>
              <a:schemeClr val="phClr">
                <a:tint val="80000"/>
                <a:satMod val="150000"/>
              </a:schemeClr>
            </a:duotone>
          </a:blip>
          <a:tile tx="0" ty="0" sx="75000" sy="75000" flip="none" algn="tl"/>
        </a:blip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Paper</Template>
  <TotalTime>1314</TotalTime>
  <Words>708</Words>
  <Application>Microsoft Office PowerPoint</Application>
  <PresentationFormat>Экран (4:3)</PresentationFormat>
  <Paragraphs>115</Paragraphs>
  <Slides>27</Slides>
  <Notes>0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7</vt:i4>
      </vt:variant>
    </vt:vector>
  </HeadingPairs>
  <TitlesOfParts>
    <vt:vector size="28" baseType="lpstr">
      <vt:lpstr>Аспект</vt:lpstr>
      <vt:lpstr>Опыт разработки МООК в университете Адам</vt:lpstr>
      <vt:lpstr>MOOК ?</vt:lpstr>
      <vt:lpstr>Возможности MOOК</vt:lpstr>
      <vt:lpstr>Презентация PowerPoint</vt:lpstr>
      <vt:lpstr>Презентация PowerPoint</vt:lpstr>
      <vt:lpstr>Презентация PowerPoint</vt:lpstr>
      <vt:lpstr>Платформы МООК</vt:lpstr>
      <vt:lpstr>Опыт организации МООК в университете Адам</vt:lpstr>
      <vt:lpstr>Опыт организации МООК в университете Адам</vt:lpstr>
      <vt:lpstr>Курсы МООК в университете Адам  </vt:lpstr>
      <vt:lpstr>Курс: Финансовые аспекты безопасности образовательных организаций. 1С: Бухгалтерия</vt:lpstr>
      <vt:lpstr>Курс: Управление безопасными закупками и финансированием безопасной образовательной среды</vt:lpstr>
      <vt:lpstr>Курс: Психологическая безопасность образовательной деятельности</vt:lpstr>
      <vt:lpstr>Курс: Физическая безопасность образовательной среды</vt:lpstr>
      <vt:lpstr>Курс: Пищевая безопасность образовательной организации</vt:lpstr>
      <vt:lpstr>Выбор разработки курса МООК «Финансовые аспекты безопасности образовательных организаций. 1С: Бухгалтерия»</vt:lpstr>
      <vt:lpstr>Структура курса на примере: Финансовые аспекты безопасности образовательных организаций. 1С: Бухгалтерия</vt:lpstr>
      <vt:lpstr>Пример открытого курса </vt:lpstr>
      <vt:lpstr>Регистрация на курс </vt:lpstr>
      <vt:lpstr>Процесс обучения </vt:lpstr>
      <vt:lpstr>Процесс обучения </vt:lpstr>
      <vt:lpstr>Процесс обучения </vt:lpstr>
      <vt:lpstr>Участники курсов МООК</vt:lpstr>
      <vt:lpstr>В процессе разработки курсов MOOC</vt:lpstr>
      <vt:lpstr>Процесс технической части разработки курсов</vt:lpstr>
      <vt:lpstr>Техническая часть</vt:lpstr>
      <vt:lpstr>Массовые открытые онлайн курсы Университета Адам</vt:lpstr>
    </vt:vector>
  </TitlesOfParts>
  <Company>Reanimator Extreme Edition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Опыт разработки МООС в университете Адам</dc:title>
  <dc:creator>staff</dc:creator>
  <cp:lastModifiedBy>user1</cp:lastModifiedBy>
  <cp:revision>106</cp:revision>
  <dcterms:created xsi:type="dcterms:W3CDTF">2019-11-28T07:49:17Z</dcterms:created>
  <dcterms:modified xsi:type="dcterms:W3CDTF">2019-12-10T00:50:33Z</dcterms:modified>
</cp:coreProperties>
</file>